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2年度分\☆HP原稿\02_項目別（統計以降）（Excel）\01_統計\"/>
    </mc:Choice>
  </mc:AlternateContent>
  <bookViews>
    <workbookView xWindow="13668" yWindow="-12" windowWidth="6888" windowHeight="7752"/>
  </bookViews>
  <sheets>
    <sheet name="第6－１～６－３表 （市町村・組合）" sheetId="34" r:id="rId1"/>
    <sheet name="第6－４～６－５表（県）" sheetId="4" r:id="rId2"/>
    <sheet name="第7－１表" sheetId="5" r:id="rId3"/>
    <sheet name="第７－２・７－３表" sheetId="6" r:id="rId4"/>
    <sheet name="第8表" sheetId="8" r:id="rId5"/>
    <sheet name="第9-1表（医療）" sheetId="37" r:id="rId6"/>
    <sheet name="第9-2表（後期）" sheetId="36" r:id="rId7"/>
    <sheet name="第9-3表（介護）" sheetId="35" r:id="rId8"/>
    <sheet name="第10表" sheetId="7" r:id="rId9"/>
    <sheet name="第11表" sheetId="11" r:id="rId10"/>
    <sheet name="第12表" sheetId="22" r:id="rId11"/>
  </sheets>
  <definedNames>
    <definedName name="_Fill" localSheetId="9" hidden="1">第11表!#REF!</definedName>
    <definedName name="_Fill" localSheetId="10" hidden="1">第12表!#REF!</definedName>
    <definedName name="_Fill" localSheetId="5" hidden="1">#REF!</definedName>
    <definedName name="_Fill" localSheetId="6" hidden="1">#REF!</definedName>
    <definedName name="_Fill" localSheetId="7" hidden="1">#REF!</definedName>
    <definedName name="_Fill" hidden="1">第10表!$O$98:$O$147</definedName>
    <definedName name="_xlnm._FilterDatabase" localSheetId="10" hidden="1">第12表!$A$1:$CO$47</definedName>
    <definedName name="_Key1" localSheetId="0" hidden="1">#REF!</definedName>
    <definedName name="_Key1" localSheetId="5" hidden="1">#REF!</definedName>
    <definedName name="_Key1" localSheetId="6" hidden="1">#REF!</definedName>
    <definedName name="_Key1" localSheetId="7" hidden="1">#REF!</definedName>
    <definedName name="_Key1" hidden="1">#REF!</definedName>
    <definedName name="_Order1" hidden="1">0</definedName>
    <definedName name="_Regression_Int" localSheetId="8" hidden="1">1</definedName>
    <definedName name="_Regression_Int" localSheetId="9" hidden="1">1</definedName>
    <definedName name="_Regression_Int" localSheetId="10" hidden="1">1</definedName>
    <definedName name="_Regression_Int" localSheetId="5" hidden="1">1</definedName>
    <definedName name="_Regression_Int" localSheetId="7" hidden="1">1</definedName>
    <definedName name="\a" localSheetId="9">第11表!#REF!</definedName>
    <definedName name="\a" localSheetId="10">第12表!#REF!</definedName>
    <definedName name="\a" localSheetId="5">#REF!</definedName>
    <definedName name="\a" localSheetId="6">#REF!</definedName>
    <definedName name="\a" localSheetId="7">#REF!</definedName>
    <definedName name="\a">第10表!$U$199</definedName>
    <definedName name="\b" localSheetId="0">#REF!</definedName>
    <definedName name="\b" localSheetId="5">#REF!</definedName>
    <definedName name="\b" localSheetId="6">#REF!</definedName>
    <definedName name="\b" localSheetId="7">#REF!</definedName>
    <definedName name="\b">#REF!</definedName>
    <definedName name="_xlnm.Print_Area" localSheetId="8">第10表!$A$1:$O$51</definedName>
    <definedName name="_xlnm.Print_Area" localSheetId="9">第11表!$A$1:$X$46</definedName>
    <definedName name="_xlnm.Print_Area" localSheetId="10">第12表!$A$1:$CO$46</definedName>
    <definedName name="_xlnm.Print_Area" localSheetId="0">'第6－１～６－３表 （市町村・組合）'!$A$1:$O$97</definedName>
    <definedName name="_xlnm.Print_Area" localSheetId="1">'第6－４～６－５表（県）'!$A$1:$L$60</definedName>
    <definedName name="_xlnm.Print_Area" localSheetId="2">'第7－１表'!$A$1:$AR$50</definedName>
    <definedName name="_xlnm.Print_Area" localSheetId="3">'第７－２・７－３表'!$A$1:$BK$52</definedName>
    <definedName name="_xlnm.Print_Area" localSheetId="4">第8表!$A$1:$I$52</definedName>
    <definedName name="_xlnm.Print_Area" localSheetId="5">'第9-1表（医療）'!$A$1:$AH$54</definedName>
    <definedName name="_xlnm.Print_Area" localSheetId="6">'第9-2表（後期）'!$A$1:$AF$54</definedName>
    <definedName name="_xlnm.Print_Area" localSheetId="7">'第9-3表（介護）'!$A$1:$AK$53</definedName>
    <definedName name="Print_Area_MI" localSheetId="8">第10表!$N$1:$P$51</definedName>
    <definedName name="Print_Area_MI" localSheetId="9">第11表!#REF!</definedName>
    <definedName name="Print_Area_MI" localSheetId="10">第12表!$C$2:$V$46</definedName>
    <definedName name="Print_Area_MI" localSheetId="5">'第9-1表（医療）'!$A$1:$P$53</definedName>
    <definedName name="Print_Area_MI" localSheetId="7">'第9-3表（介護）'!$A$1:$S$53</definedName>
    <definedName name="Print_Titles_MI" localSheetId="8">第10表!$A:$B</definedName>
    <definedName name="Print_Titles_MI" localSheetId="9">第11表!#REF!</definedName>
    <definedName name="Print_Titles_MI" localSheetId="10">第12表!#REF!</definedName>
  </definedNames>
  <calcPr calcId="152511"/>
</workbook>
</file>

<file path=xl/sharedStrings.xml><?xml version="1.0" encoding="utf-8"?>
<sst xmlns="http://schemas.openxmlformats.org/spreadsheetml/2006/main" count="3895" uniqueCount="770">
  <si>
    <t>保険者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 xml:space="preserve"> 津久井町</t>
  </si>
  <si>
    <t xml:space="preserve"> 相模湖町</t>
  </si>
  <si>
    <t xml:space="preserve"> 藤野町</t>
  </si>
  <si>
    <t>市町村計</t>
  </si>
  <si>
    <t>－</t>
  </si>
  <si>
    <t>その他</t>
  </si>
  <si>
    <t>計</t>
  </si>
  <si>
    <t>２．経理状況</t>
  </si>
  <si>
    <t>科　　　　　　　目</t>
  </si>
  <si>
    <t>対前年度比</t>
  </si>
  <si>
    <t>構 成 割 合</t>
  </si>
  <si>
    <t>(円)</t>
  </si>
  <si>
    <t>事務費負担金</t>
  </si>
  <si>
    <t>科　　　　　　目</t>
  </si>
  <si>
    <t>総    務    費</t>
  </si>
  <si>
    <t>療養給付費</t>
  </si>
  <si>
    <t>高額療養費</t>
  </si>
  <si>
    <t>（単位：円）</t>
  </si>
  <si>
    <t>保険料(税)</t>
  </si>
  <si>
    <t>繰 越 金</t>
  </si>
  <si>
    <t>負担金</t>
  </si>
  <si>
    <t>職員給与費等</t>
  </si>
  <si>
    <t>財政安定支援</t>
  </si>
  <si>
    <t xml:space="preserve">収        　　　　　　納   </t>
  </si>
  <si>
    <t>総 務 費</t>
  </si>
  <si>
    <t>移 送 費</t>
  </si>
  <si>
    <t>葬 祭 費</t>
  </si>
  <si>
    <t>保健事業費</t>
  </si>
  <si>
    <t>収支差引残</t>
  </si>
  <si>
    <t>市町村債</t>
  </si>
  <si>
    <t>保 険 料 (税) 現 年 分</t>
  </si>
  <si>
    <t>現   年   分</t>
  </si>
  <si>
    <t>療 養 費</t>
  </si>
  <si>
    <t>小   計</t>
  </si>
  <si>
    <t>調定額</t>
  </si>
  <si>
    <t>収納額</t>
  </si>
  <si>
    <t>収納率</t>
  </si>
  <si>
    <t>療養費</t>
  </si>
  <si>
    <t xml:space="preserve"> </t>
  </si>
  <si>
    <t xml:space="preserve"> 金   額 </t>
  </si>
  <si>
    <t xml:space="preserve"> 1 人</t>
  </si>
  <si>
    <t xml:space="preserve"> 人 件 費 </t>
  </si>
  <si>
    <t xml:space="preserve"> 人件費</t>
  </si>
  <si>
    <t>物 件 費</t>
  </si>
  <si>
    <t>1 人</t>
  </si>
  <si>
    <t>対象経費</t>
  </si>
  <si>
    <t>事務費</t>
  </si>
  <si>
    <t>/経費</t>
  </si>
  <si>
    <t>金  額</t>
  </si>
  <si>
    <t>対総務費</t>
  </si>
  <si>
    <t>A</t>
  </si>
  <si>
    <t xml:space="preserve"> 当たり</t>
  </si>
  <si>
    <t>B</t>
  </si>
  <si>
    <t>Ｃ</t>
  </si>
  <si>
    <t>割合(%)</t>
  </si>
  <si>
    <t>Ｄ</t>
  </si>
  <si>
    <t>Ｅ</t>
  </si>
  <si>
    <t>B/A(%)</t>
  </si>
  <si>
    <t>E/A(%)</t>
  </si>
  <si>
    <t>E/B(%)</t>
  </si>
  <si>
    <t>F</t>
  </si>
  <si>
    <t>F/A(%)</t>
  </si>
  <si>
    <t>第８表 主要科目別の構成比</t>
  </si>
  <si>
    <t>区分</t>
  </si>
  <si>
    <t>総務費</t>
  </si>
  <si>
    <t>/合計</t>
  </si>
  <si>
    <t xml:space="preserve"> 年間平均</t>
  </si>
  <si>
    <t>基準総所得金額</t>
  </si>
  <si>
    <t>(B)の内限度額</t>
  </si>
  <si>
    <t>減額後の基準総</t>
  </si>
  <si>
    <t>一人当り</t>
  </si>
  <si>
    <t>(退)の限度額</t>
  </si>
  <si>
    <t xml:space="preserve">   (全体分)   </t>
  </si>
  <si>
    <t>所得金額 B-C-D</t>
  </si>
  <si>
    <t>(B)の額</t>
  </si>
  <si>
    <t>(E)の額</t>
  </si>
  <si>
    <t>以下の基準総</t>
  </si>
  <si>
    <t>(E)</t>
  </si>
  <si>
    <t>(B)/(A)</t>
  </si>
  <si>
    <t>(E)/(A)</t>
  </si>
  <si>
    <t>(G)</t>
  </si>
  <si>
    <t>(H)</t>
  </si>
  <si>
    <t>(I)</t>
  </si>
  <si>
    <t>(J)</t>
  </si>
  <si>
    <t>(G)/(F)</t>
  </si>
  <si>
    <t>(H)/(F)</t>
  </si>
  <si>
    <t>(I)/(F)</t>
  </si>
  <si>
    <t>(J)/(F)</t>
  </si>
  <si>
    <t>円</t>
  </si>
  <si>
    <t>審査支払手数料</t>
    <rPh sb="0" eb="2">
      <t>シンサ</t>
    </rPh>
    <rPh sb="2" eb="4">
      <t>シハライ</t>
    </rPh>
    <phoneticPr fontId="0"/>
  </si>
  <si>
    <t>基金等積立金</t>
    <rPh sb="0" eb="2">
      <t>キキン</t>
    </rPh>
    <rPh sb="2" eb="3">
      <t>トウ</t>
    </rPh>
    <rPh sb="3" eb="6">
      <t>ツミタテキン</t>
    </rPh>
    <phoneticPr fontId="0"/>
  </si>
  <si>
    <t>基金等保有額</t>
  </si>
  <si>
    <t>保 険 料 (税) 過 年 分</t>
    <rPh sb="10" eb="11">
      <t>ス</t>
    </rPh>
    <phoneticPr fontId="0"/>
  </si>
  <si>
    <t>出産育児諸費</t>
    <rPh sb="4" eb="6">
      <t>ショヒ</t>
    </rPh>
    <phoneticPr fontId="0"/>
  </si>
  <si>
    <t>前年度
繰上充用金</t>
    <rPh sb="4" eb="6">
      <t>クリア</t>
    </rPh>
    <rPh sb="6" eb="8">
      <t>ジュウヨウ</t>
    </rPh>
    <rPh sb="8" eb="9">
      <t>キン</t>
    </rPh>
    <phoneticPr fontId="0"/>
  </si>
  <si>
    <t>保険料（税）</t>
    <rPh sb="0" eb="3">
      <t>ホケンリョウ</t>
    </rPh>
    <rPh sb="4" eb="5">
      <t>ゼイ</t>
    </rPh>
    <phoneticPr fontId="0"/>
  </si>
  <si>
    <t>国庫支出金</t>
    <rPh sb="2" eb="4">
      <t>シシュツ</t>
    </rPh>
    <rPh sb="4" eb="5">
      <t>キン</t>
    </rPh>
    <phoneticPr fontId="0"/>
  </si>
  <si>
    <t>県支出金</t>
    <rPh sb="1" eb="4">
      <t>シシュツキン</t>
    </rPh>
    <phoneticPr fontId="0"/>
  </si>
  <si>
    <t>保険給付費</t>
    <rPh sb="2" eb="5">
      <t>キュウフヒ</t>
    </rPh>
    <phoneticPr fontId="0"/>
  </si>
  <si>
    <t>保健事業費</t>
    <rPh sb="2" eb="5">
      <t>ジギョウヒ</t>
    </rPh>
    <phoneticPr fontId="0"/>
  </si>
  <si>
    <t>その他繰入</t>
    <rPh sb="2" eb="3">
      <t>タ</t>
    </rPh>
    <rPh sb="3" eb="5">
      <t>クリイレ</t>
    </rPh>
    <phoneticPr fontId="0"/>
  </si>
  <si>
    <t>一般被保険者数</t>
    <rPh sb="0" eb="2">
      <t>イッパン</t>
    </rPh>
    <phoneticPr fontId="0"/>
  </si>
  <si>
    <t>全被保険者数</t>
    <rPh sb="0" eb="1">
      <t>ゼン</t>
    </rPh>
    <phoneticPr fontId="0"/>
  </si>
  <si>
    <t xml:space="preserve"> を超える額</t>
    <rPh sb="2" eb="3">
      <t>コ</t>
    </rPh>
    <phoneticPr fontId="0"/>
  </si>
  <si>
    <t xml:space="preserve">（人） (A') </t>
    <rPh sb="1" eb="2">
      <t>ニン</t>
    </rPh>
    <phoneticPr fontId="0"/>
  </si>
  <si>
    <t>所得金額 B-C</t>
    <phoneticPr fontId="0"/>
  </si>
  <si>
    <t>4(5)割軽減</t>
    <phoneticPr fontId="0"/>
  </si>
  <si>
    <t xml:space="preserve"> (医療分)</t>
    <rPh sb="2" eb="4">
      <t>イリョウ</t>
    </rPh>
    <rPh sb="4" eb="5">
      <t>ブン</t>
    </rPh>
    <phoneticPr fontId="0"/>
  </si>
  <si>
    <t xml:space="preserve"> (介護分)</t>
    <rPh sb="2" eb="4">
      <t>カイゴ</t>
    </rPh>
    <rPh sb="4" eb="5">
      <t>ブン</t>
    </rPh>
    <phoneticPr fontId="0"/>
  </si>
  <si>
    <t xml:space="preserve"> </t>
    <phoneticPr fontId="0"/>
  </si>
  <si>
    <t>6(7)割軽減</t>
    <phoneticPr fontId="0"/>
  </si>
  <si>
    <t xml:space="preserve"> (B)</t>
    <phoneticPr fontId="0"/>
  </si>
  <si>
    <t>(C)</t>
    <phoneticPr fontId="0"/>
  </si>
  <si>
    <t>　審査手数料</t>
    <rPh sb="1" eb="3">
      <t>シンサ</t>
    </rPh>
    <phoneticPr fontId="0"/>
  </si>
  <si>
    <t>直診勘定
繰出金</t>
    <rPh sb="5" eb="7">
      <t>クリダ</t>
    </rPh>
    <rPh sb="7" eb="8">
      <t>キン</t>
    </rPh>
    <phoneticPr fontId="0"/>
  </si>
  <si>
    <t>介護納付金</t>
    <rPh sb="0" eb="2">
      <t>カイゴ</t>
    </rPh>
    <rPh sb="2" eb="5">
      <t>ノウフキン</t>
    </rPh>
    <phoneticPr fontId="0"/>
  </si>
  <si>
    <t>繰入金</t>
    <rPh sb="1" eb="2">
      <t>イ</t>
    </rPh>
    <rPh sb="2" eb="3">
      <t>キン</t>
    </rPh>
    <phoneticPr fontId="0"/>
  </si>
  <si>
    <t>保険給付費</t>
    <rPh sb="0" eb="2">
      <t>ホケン</t>
    </rPh>
    <rPh sb="2" eb="4">
      <t>キュウフ</t>
    </rPh>
    <rPh sb="4" eb="5">
      <t>ヒ</t>
    </rPh>
    <phoneticPr fontId="0"/>
  </si>
  <si>
    <t>　療養給付費</t>
    <phoneticPr fontId="0"/>
  </si>
  <si>
    <t>　療  養  費</t>
    <phoneticPr fontId="0"/>
  </si>
  <si>
    <t>2割軽減</t>
    <phoneticPr fontId="0"/>
  </si>
  <si>
    <t>人件費決算額</t>
    <phoneticPr fontId="0"/>
  </si>
  <si>
    <t>（注）　「その他繰入」は、一般会計その他繰入金である。</t>
    <rPh sb="7" eb="8">
      <t>タ</t>
    </rPh>
    <rPh sb="8" eb="9">
      <t>ク</t>
    </rPh>
    <rPh sb="9" eb="10">
      <t>イ</t>
    </rPh>
    <rPh sb="19" eb="20">
      <t>タ</t>
    </rPh>
    <phoneticPr fontId="0"/>
  </si>
  <si>
    <t>高額医療費共同事業負担金</t>
    <rPh sb="0" eb="2">
      <t>コウガク</t>
    </rPh>
    <rPh sb="2" eb="4">
      <t>イリョウ</t>
    </rPh>
    <rPh sb="4" eb="5">
      <t>ヒ</t>
    </rPh>
    <rPh sb="5" eb="7">
      <t>キョウドウ</t>
    </rPh>
    <rPh sb="7" eb="9">
      <t>ジギョウ</t>
    </rPh>
    <rPh sb="9" eb="12">
      <t>フタンキン</t>
    </rPh>
    <phoneticPr fontId="0"/>
  </si>
  <si>
    <t>その他</t>
    <rPh sb="2" eb="3">
      <t>タ</t>
    </rPh>
    <phoneticPr fontId="0"/>
  </si>
  <si>
    <t>繰入金</t>
    <rPh sb="0" eb="3">
      <t>クリイレキン</t>
    </rPh>
    <phoneticPr fontId="0"/>
  </si>
  <si>
    <t>2</t>
    <phoneticPr fontId="0"/>
  </si>
  <si>
    <t>割軽減</t>
    <phoneticPr fontId="0"/>
  </si>
  <si>
    <t>(1月-12月)</t>
    <phoneticPr fontId="0"/>
  </si>
  <si>
    <t>県支出金</t>
    <rPh sb="0" eb="1">
      <t>ケン</t>
    </rPh>
    <rPh sb="1" eb="3">
      <t>シシュツ</t>
    </rPh>
    <rPh sb="3" eb="4">
      <t>キン</t>
    </rPh>
    <phoneticPr fontId="0"/>
  </si>
  <si>
    <t>一般会計</t>
    <rPh sb="0" eb="2">
      <t>イッパン</t>
    </rPh>
    <rPh sb="2" eb="4">
      <t>カイケイ</t>
    </rPh>
    <phoneticPr fontId="0"/>
  </si>
  <si>
    <t>　高額医療費共同事業負担金</t>
    <rPh sb="1" eb="3">
      <t>コウガク</t>
    </rPh>
    <rPh sb="3" eb="5">
      <t>イリョウ</t>
    </rPh>
    <rPh sb="5" eb="6">
      <t>ヒ</t>
    </rPh>
    <rPh sb="6" eb="8">
      <t>キョウドウ</t>
    </rPh>
    <rPh sb="8" eb="10">
      <t>ジギョウ</t>
    </rPh>
    <rPh sb="10" eb="13">
      <t>フタンキン</t>
    </rPh>
    <phoneticPr fontId="0"/>
  </si>
  <si>
    <t>　普通調整交付金</t>
    <rPh sb="1" eb="3">
      <t>フツウ</t>
    </rPh>
    <phoneticPr fontId="0"/>
  </si>
  <si>
    <t>　特別調整交付金</t>
    <rPh sb="1" eb="3">
      <t>トクベツ</t>
    </rPh>
    <phoneticPr fontId="0"/>
  </si>
  <si>
    <t>　出産育児一時金等補助金</t>
    <rPh sb="1" eb="3">
      <t>シュッサン</t>
    </rPh>
    <rPh sb="3" eb="5">
      <t>イクジ</t>
    </rPh>
    <rPh sb="5" eb="8">
      <t>イチジキン</t>
    </rPh>
    <rPh sb="8" eb="9">
      <t>トウ</t>
    </rPh>
    <phoneticPr fontId="0"/>
  </si>
  <si>
    <t>　その他</t>
    <rPh sb="3" eb="4">
      <t>タ</t>
    </rPh>
    <phoneticPr fontId="0"/>
  </si>
  <si>
    <t>　基準超過費用</t>
    <rPh sb="5" eb="7">
      <t>ヒヨウ</t>
    </rPh>
    <phoneticPr fontId="0"/>
  </si>
  <si>
    <t>　職員給与費等</t>
    <rPh sb="5" eb="6">
      <t>ヒ</t>
    </rPh>
    <rPh sb="6" eb="7">
      <t>トウ</t>
    </rPh>
    <phoneticPr fontId="0"/>
  </si>
  <si>
    <t>　出産育児一時金</t>
    <rPh sb="1" eb="3">
      <t>シュッサン</t>
    </rPh>
    <rPh sb="3" eb="5">
      <t>イクジ</t>
    </rPh>
    <rPh sb="5" eb="8">
      <t>イチジキン</t>
    </rPh>
    <phoneticPr fontId="0"/>
  </si>
  <si>
    <t>　財政安定化支援事業</t>
    <rPh sb="5" eb="6">
      <t>カ</t>
    </rPh>
    <rPh sb="6" eb="8">
      <t>シエン</t>
    </rPh>
    <rPh sb="8" eb="10">
      <t>ジギョウ</t>
    </rPh>
    <phoneticPr fontId="0"/>
  </si>
  <si>
    <t>介護被保険者数</t>
    <rPh sb="0" eb="2">
      <t>カイゴ</t>
    </rPh>
    <rPh sb="2" eb="6">
      <t>ヒホ</t>
    </rPh>
    <rPh sb="6" eb="7">
      <t>スウ</t>
    </rPh>
    <phoneticPr fontId="0"/>
  </si>
  <si>
    <t>計</t>
    <rPh sb="0" eb="1">
      <t>ケイ</t>
    </rPh>
    <phoneticPr fontId="0"/>
  </si>
  <si>
    <t xml:space="preserve">  事務費負担金</t>
    <phoneticPr fontId="0"/>
  </si>
  <si>
    <t>　療養給付費等負担金</t>
    <phoneticPr fontId="0"/>
  </si>
  <si>
    <t>基盤安定</t>
    <phoneticPr fontId="0"/>
  </si>
  <si>
    <t>　その他</t>
    <phoneticPr fontId="0"/>
  </si>
  <si>
    <t xml:space="preserve"> 医療費拠出金</t>
    <phoneticPr fontId="0"/>
  </si>
  <si>
    <t xml:space="preserve"> 事務費拠出金</t>
    <phoneticPr fontId="0"/>
  </si>
  <si>
    <t>年間平均</t>
    <phoneticPr fontId="0"/>
  </si>
  <si>
    <t>(人)  (A)</t>
    <phoneticPr fontId="0"/>
  </si>
  <si>
    <t xml:space="preserve"> (全体分)  (C)</t>
    <phoneticPr fontId="0"/>
  </si>
  <si>
    <t>(E)/(A')</t>
    <phoneticPr fontId="0"/>
  </si>
  <si>
    <t>所得金額 (D)</t>
    <phoneticPr fontId="0"/>
  </si>
  <si>
    <t>(人)  (A)</t>
    <phoneticPr fontId="0"/>
  </si>
  <si>
    <t>基盤安定制度負担金　</t>
    <phoneticPr fontId="0"/>
  </si>
  <si>
    <t>(K)</t>
    <phoneticPr fontId="0"/>
  </si>
  <si>
    <t>(L)</t>
    <phoneticPr fontId="0"/>
  </si>
  <si>
    <t>市町村計</t>
    <phoneticPr fontId="0"/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組  合  計</t>
    <phoneticPr fontId="0"/>
  </si>
  <si>
    <t xml:space="preserve"> 横浜市</t>
    <phoneticPr fontId="0"/>
  </si>
  <si>
    <t xml:space="preserve"> 川崎市</t>
    <phoneticPr fontId="0"/>
  </si>
  <si>
    <t xml:space="preserve"> 横須賀市</t>
    <phoneticPr fontId="0"/>
  </si>
  <si>
    <t xml:space="preserve"> 平塚市</t>
    <phoneticPr fontId="0"/>
  </si>
  <si>
    <t xml:space="preserve"> 鎌倉市</t>
    <phoneticPr fontId="0"/>
  </si>
  <si>
    <t xml:space="preserve"> 藤沢市</t>
    <phoneticPr fontId="0"/>
  </si>
  <si>
    <t xml:space="preserve"> 小田原市</t>
    <phoneticPr fontId="0"/>
  </si>
  <si>
    <t xml:space="preserve"> 茅ヶ崎市</t>
    <phoneticPr fontId="0"/>
  </si>
  <si>
    <t xml:space="preserve"> 逗子市</t>
    <phoneticPr fontId="0"/>
  </si>
  <si>
    <t xml:space="preserve"> 相模原市</t>
    <phoneticPr fontId="0"/>
  </si>
  <si>
    <t xml:space="preserve"> 三浦市</t>
    <phoneticPr fontId="0"/>
  </si>
  <si>
    <t xml:space="preserve"> 秦野市</t>
    <phoneticPr fontId="0"/>
  </si>
  <si>
    <t xml:space="preserve"> 厚木市</t>
    <phoneticPr fontId="0"/>
  </si>
  <si>
    <t xml:space="preserve"> 大和市</t>
    <phoneticPr fontId="0"/>
  </si>
  <si>
    <t xml:space="preserve"> 伊勢原市</t>
    <phoneticPr fontId="0"/>
  </si>
  <si>
    <t xml:space="preserve"> 海老名市</t>
    <phoneticPr fontId="0"/>
  </si>
  <si>
    <t xml:space="preserve"> 座間市</t>
    <phoneticPr fontId="0"/>
  </si>
  <si>
    <t xml:space="preserve"> 南足柄市</t>
    <phoneticPr fontId="0"/>
  </si>
  <si>
    <t xml:space="preserve"> 綾瀬市</t>
    <phoneticPr fontId="0"/>
  </si>
  <si>
    <t xml:space="preserve"> 葉山町</t>
    <phoneticPr fontId="0"/>
  </si>
  <si>
    <t xml:space="preserve"> 寒川町</t>
    <phoneticPr fontId="0"/>
  </si>
  <si>
    <t xml:space="preserve"> 大磯町</t>
    <phoneticPr fontId="0"/>
  </si>
  <si>
    <t xml:space="preserve"> 二宮町</t>
    <phoneticPr fontId="0"/>
  </si>
  <si>
    <t xml:space="preserve"> 中井町</t>
    <phoneticPr fontId="0"/>
  </si>
  <si>
    <t xml:space="preserve"> 大井町</t>
    <phoneticPr fontId="0"/>
  </si>
  <si>
    <t xml:space="preserve"> 松田町</t>
    <phoneticPr fontId="0"/>
  </si>
  <si>
    <t xml:space="preserve"> 山北町</t>
    <phoneticPr fontId="0"/>
  </si>
  <si>
    <t xml:space="preserve"> 開成町</t>
    <phoneticPr fontId="0"/>
  </si>
  <si>
    <t xml:space="preserve"> 箱根町</t>
    <phoneticPr fontId="0"/>
  </si>
  <si>
    <t xml:space="preserve"> 真鶴町</t>
    <phoneticPr fontId="0"/>
  </si>
  <si>
    <t xml:space="preserve"> 湯河原町</t>
    <phoneticPr fontId="0"/>
  </si>
  <si>
    <t xml:space="preserve"> 愛川町</t>
    <phoneticPr fontId="0"/>
  </si>
  <si>
    <t xml:space="preserve"> 清川村</t>
    <phoneticPr fontId="0"/>
  </si>
  <si>
    <t>国庫支出金</t>
    <rPh sb="1" eb="2">
      <t>コ</t>
    </rPh>
    <rPh sb="2" eb="3">
      <t>ササ</t>
    </rPh>
    <rPh sb="3" eb="4">
      <t>デ</t>
    </rPh>
    <rPh sb="4" eb="5">
      <t>キン</t>
    </rPh>
    <phoneticPr fontId="0"/>
  </si>
  <si>
    <t>療養諸費</t>
    <rPh sb="0" eb="2">
      <t>リョウヨウ</t>
    </rPh>
    <rPh sb="2" eb="4">
      <t>ショヒ</t>
    </rPh>
    <phoneticPr fontId="0"/>
  </si>
  <si>
    <t>療養給付費
交付金</t>
    <rPh sb="6" eb="9">
      <t>コウフキン</t>
    </rPh>
    <phoneticPr fontId="0"/>
  </si>
  <si>
    <t>市           計</t>
    <phoneticPr fontId="0"/>
  </si>
  <si>
    <t>町   村   計</t>
    <phoneticPr fontId="0"/>
  </si>
  <si>
    <t>基  準  総  所  得  金  額  （  医  療  分  ）</t>
    <rPh sb="24" eb="25">
      <t>イ</t>
    </rPh>
    <rPh sb="27" eb="28">
      <t>リョウ</t>
    </rPh>
    <rPh sb="30" eb="31">
      <t>ブン</t>
    </rPh>
    <phoneticPr fontId="0"/>
  </si>
  <si>
    <t>基  準  総  所  得  金  額  （  介  護  分  ）</t>
    <rPh sb="24" eb="25">
      <t>スケ</t>
    </rPh>
    <rPh sb="27" eb="28">
      <t>マモル</t>
    </rPh>
    <rPh sb="30" eb="31">
      <t>ブン</t>
    </rPh>
    <phoneticPr fontId="0"/>
  </si>
  <si>
    <t>市           計</t>
    <phoneticPr fontId="0"/>
  </si>
  <si>
    <t>町   村   計</t>
    <phoneticPr fontId="0"/>
  </si>
  <si>
    <t>市町村計</t>
    <phoneticPr fontId="0"/>
  </si>
  <si>
    <t>合計</t>
    <phoneticPr fontId="0"/>
  </si>
  <si>
    <t>合計</t>
    <phoneticPr fontId="0"/>
  </si>
  <si>
    <t>保  険  者  支  援  分</t>
    <rPh sb="0" eb="1">
      <t>タモツ</t>
    </rPh>
    <rPh sb="3" eb="4">
      <t>ケン</t>
    </rPh>
    <rPh sb="6" eb="7">
      <t>モノ</t>
    </rPh>
    <rPh sb="9" eb="10">
      <t>ササ</t>
    </rPh>
    <rPh sb="12" eb="13">
      <t>オン</t>
    </rPh>
    <rPh sb="15" eb="16">
      <t>ブン</t>
    </rPh>
    <phoneticPr fontId="0"/>
  </si>
  <si>
    <t>繰   　入　   金   　額</t>
    <rPh sb="0" eb="1">
      <t>グリ</t>
    </rPh>
    <rPh sb="5" eb="6">
      <t>イ</t>
    </rPh>
    <rPh sb="10" eb="11">
      <t>キン</t>
    </rPh>
    <rPh sb="15" eb="16">
      <t>ガク</t>
    </rPh>
    <phoneticPr fontId="0"/>
  </si>
  <si>
    <t>軽　   減　   世   　帯   　数</t>
    <rPh sb="0" eb="1">
      <t>ケイ</t>
    </rPh>
    <rPh sb="5" eb="6">
      <t>ゲン</t>
    </rPh>
    <rPh sb="10" eb="11">
      <t>ヨ</t>
    </rPh>
    <rPh sb="15" eb="16">
      <t>オビ</t>
    </rPh>
    <rPh sb="20" eb="21">
      <t>カズ</t>
    </rPh>
    <phoneticPr fontId="0"/>
  </si>
  <si>
    <t>被   　保   　険   　者　   数   　（人）</t>
    <phoneticPr fontId="0"/>
  </si>
  <si>
    <t>被  　保  　険  　者  　数  　（人）</t>
    <rPh sb="0" eb="1">
      <t>ヒ</t>
    </rPh>
    <rPh sb="4" eb="5">
      <t>タモツ</t>
    </rPh>
    <rPh sb="8" eb="9">
      <t>ケン</t>
    </rPh>
    <rPh sb="12" eb="13">
      <t>モノ</t>
    </rPh>
    <rPh sb="16" eb="17">
      <t>スウ</t>
    </rPh>
    <rPh sb="21" eb="22">
      <t>ニン</t>
    </rPh>
    <phoneticPr fontId="0"/>
  </si>
  <si>
    <t xml:space="preserve">   　　　　繰   入   金   （  軽   減   分  ）</t>
    <rPh sb="7" eb="8">
      <t>グリ</t>
    </rPh>
    <rPh sb="11" eb="12">
      <t>イ</t>
    </rPh>
    <rPh sb="15" eb="16">
      <t>キン</t>
    </rPh>
    <rPh sb="22" eb="23">
      <t>ケイ</t>
    </rPh>
    <rPh sb="26" eb="27">
      <t>ゲン</t>
    </rPh>
    <rPh sb="30" eb="31">
      <t>ブン</t>
    </rPh>
    <phoneticPr fontId="0"/>
  </si>
  <si>
    <t>保   険   者   支   援   分</t>
    <rPh sb="0" eb="1">
      <t>タモツ</t>
    </rPh>
    <rPh sb="4" eb="5">
      <t>ケン</t>
    </rPh>
    <rPh sb="8" eb="9">
      <t>モノ</t>
    </rPh>
    <rPh sb="12" eb="13">
      <t>ササ</t>
    </rPh>
    <rPh sb="16" eb="17">
      <t>オン</t>
    </rPh>
    <rPh sb="20" eb="21">
      <t>ブン</t>
    </rPh>
    <phoneticPr fontId="0"/>
  </si>
  <si>
    <t>歳入</t>
    <phoneticPr fontId="0"/>
  </si>
  <si>
    <t>歳出</t>
    <phoneticPr fontId="0"/>
  </si>
  <si>
    <t>対      象      費　    用    　額</t>
    <rPh sb="14" eb="15">
      <t>ヒ</t>
    </rPh>
    <rPh sb="20" eb="21">
      <t>ヨウ</t>
    </rPh>
    <rPh sb="26" eb="27">
      <t>ガク</t>
    </rPh>
    <phoneticPr fontId="0"/>
  </si>
  <si>
    <t>(7)割軽減</t>
    <phoneticPr fontId="0"/>
  </si>
  <si>
    <t>6</t>
    <phoneticPr fontId="0"/>
  </si>
  <si>
    <t>(5)割軽減</t>
    <phoneticPr fontId="0"/>
  </si>
  <si>
    <t>4</t>
    <phoneticPr fontId="0"/>
  </si>
  <si>
    <t>繰入金
合計</t>
    <rPh sb="0" eb="3">
      <t>クリイレキン</t>
    </rPh>
    <rPh sb="4" eb="5">
      <t>ゴウ</t>
    </rPh>
    <rPh sb="5" eb="6">
      <t>ケイ</t>
    </rPh>
    <phoneticPr fontId="0"/>
  </si>
  <si>
    <t xml:space="preserve"> 軽減分</t>
    <rPh sb="1" eb="3">
      <t>ケイゲン</t>
    </rPh>
    <rPh sb="3" eb="4">
      <t>ブン</t>
    </rPh>
    <phoneticPr fontId="0"/>
  </si>
  <si>
    <t xml:space="preserve"> 支援分</t>
    <rPh sb="1" eb="3">
      <t>シエン</t>
    </rPh>
    <rPh sb="3" eb="4">
      <t>ブン</t>
    </rPh>
    <phoneticPr fontId="0"/>
  </si>
  <si>
    <t>普通調整
交付金</t>
    <rPh sb="0" eb="2">
      <t>フツウ</t>
    </rPh>
    <rPh sb="2" eb="4">
      <t>チョウセイ</t>
    </rPh>
    <rPh sb="5" eb="8">
      <t>コウフキン</t>
    </rPh>
    <phoneticPr fontId="0"/>
  </si>
  <si>
    <t>特別調整
交付金</t>
    <rPh sb="0" eb="2">
      <t>トクベツ</t>
    </rPh>
    <rPh sb="2" eb="4">
      <t>チョウセイ</t>
    </rPh>
    <rPh sb="5" eb="8">
      <t>コウフキン</t>
    </rPh>
    <phoneticPr fontId="0"/>
  </si>
  <si>
    <t>第１号都道府県
調整交付金</t>
    <rPh sb="0" eb="1">
      <t>ダイ</t>
    </rPh>
    <rPh sb="2" eb="3">
      <t>ゴウ</t>
    </rPh>
    <rPh sb="3" eb="7">
      <t>トドウフケン</t>
    </rPh>
    <rPh sb="8" eb="10">
      <t>チョウセイ</t>
    </rPh>
    <rPh sb="10" eb="13">
      <t>コウフキン</t>
    </rPh>
    <phoneticPr fontId="0"/>
  </si>
  <si>
    <t>　第１号都道府県調整交付金</t>
    <phoneticPr fontId="0"/>
  </si>
  <si>
    <t>連合会
支出金</t>
    <rPh sb="0" eb="3">
      <t>レンゴウカイ</t>
    </rPh>
    <rPh sb="4" eb="6">
      <t>シシュツ</t>
    </rPh>
    <phoneticPr fontId="0"/>
  </si>
  <si>
    <t>共同事業交付金</t>
    <rPh sb="0" eb="2">
      <t>キョウドウ</t>
    </rPh>
    <rPh sb="2" eb="4">
      <t>ジギョウ</t>
    </rPh>
    <rPh sb="4" eb="7">
      <t>コウフキン</t>
    </rPh>
    <phoneticPr fontId="0"/>
  </si>
  <si>
    <t>　前期高齢者交付金</t>
    <rPh sb="1" eb="3">
      <t>ゼンキ</t>
    </rPh>
    <rPh sb="3" eb="6">
      <t>コウレイシャ</t>
    </rPh>
    <rPh sb="6" eb="9">
      <t>コウフキン</t>
    </rPh>
    <phoneticPr fontId="0"/>
  </si>
  <si>
    <t>特定健康診査等負担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phoneticPr fontId="0"/>
  </si>
  <si>
    <t>　特定健康診査等負担金</t>
    <rPh sb="1" eb="3">
      <t>トクテイ</t>
    </rPh>
    <rPh sb="3" eb="5">
      <t>ケンコウ</t>
    </rPh>
    <rPh sb="5" eb="7">
      <t>シンサ</t>
    </rPh>
    <rPh sb="7" eb="8">
      <t>トウ</t>
    </rPh>
    <rPh sb="8" eb="11">
      <t>フタンキン</t>
    </rPh>
    <phoneticPr fontId="0"/>
  </si>
  <si>
    <t xml:space="preserve"> 後期高齢者支援金</t>
    <rPh sb="1" eb="3">
      <t>コウキ</t>
    </rPh>
    <rPh sb="3" eb="6">
      <t>コウレイシャ</t>
    </rPh>
    <rPh sb="6" eb="9">
      <t>シエンキン</t>
    </rPh>
    <phoneticPr fontId="0"/>
  </si>
  <si>
    <t xml:space="preserve"> 前期高齢者納付金</t>
    <rPh sb="1" eb="3">
      <t>ゼンキ</t>
    </rPh>
    <rPh sb="3" eb="6">
      <t>コウレイシャ</t>
    </rPh>
    <rPh sb="6" eb="9">
      <t>ノウフキン</t>
    </rPh>
    <phoneticPr fontId="0"/>
  </si>
  <si>
    <t>保健　　　事業費</t>
    <rPh sb="0" eb="2">
      <t>ホケン</t>
    </rPh>
    <rPh sb="5" eb="8">
      <t>ジギョウヒ</t>
    </rPh>
    <phoneticPr fontId="0"/>
  </si>
  <si>
    <t xml:space="preserve"> 特定健康診査等事業費</t>
    <rPh sb="1" eb="3">
      <t>トクテイ</t>
    </rPh>
    <rPh sb="3" eb="5">
      <t>ケンコウ</t>
    </rPh>
    <rPh sb="5" eb="7">
      <t>シンサ</t>
    </rPh>
    <rPh sb="7" eb="8">
      <t>トウ</t>
    </rPh>
    <rPh sb="8" eb="11">
      <t>ジギョウヒ</t>
    </rPh>
    <phoneticPr fontId="0"/>
  </si>
  <si>
    <t xml:space="preserve"> その他</t>
    <rPh sb="3" eb="4">
      <t>タ</t>
    </rPh>
    <phoneticPr fontId="0"/>
  </si>
  <si>
    <t>高額介護合算　　　療養費</t>
    <rPh sb="0" eb="2">
      <t>コウガク</t>
    </rPh>
    <rPh sb="2" eb="4">
      <t>カイゴ</t>
    </rPh>
    <rPh sb="4" eb="6">
      <t>ガッサン</t>
    </rPh>
    <rPh sb="9" eb="12">
      <t>リョウヨウヒ</t>
    </rPh>
    <phoneticPr fontId="0"/>
  </si>
  <si>
    <t>事務費拠出金</t>
    <rPh sb="0" eb="3">
      <t>ジムヒ</t>
    </rPh>
    <rPh sb="3" eb="6">
      <t>キョシュツキン</t>
    </rPh>
    <phoneticPr fontId="0"/>
  </si>
  <si>
    <t>基  準  総  所  得  金  額  （　後　期　支　援  分  ）</t>
    <rPh sb="23" eb="24">
      <t>アト</t>
    </rPh>
    <rPh sb="25" eb="26">
      <t>キ</t>
    </rPh>
    <rPh sb="27" eb="28">
      <t>ササ</t>
    </rPh>
    <rPh sb="29" eb="30">
      <t>エン</t>
    </rPh>
    <rPh sb="32" eb="33">
      <t>ブン</t>
    </rPh>
    <phoneticPr fontId="0"/>
  </si>
  <si>
    <t xml:space="preserve"> (後期高齢者支援分)</t>
    <rPh sb="2" eb="4">
      <t>コウキ</t>
    </rPh>
    <rPh sb="4" eb="7">
      <t>コウレイシャ</t>
    </rPh>
    <rPh sb="7" eb="9">
      <t>シエン</t>
    </rPh>
    <rPh sb="9" eb="10">
      <t>ブン</t>
    </rPh>
    <phoneticPr fontId="0"/>
  </si>
  <si>
    <t>その他の収入</t>
    <rPh sb="2" eb="3">
      <t>タ</t>
    </rPh>
    <rPh sb="4" eb="6">
      <t>シュウニュウ</t>
    </rPh>
    <phoneticPr fontId="0"/>
  </si>
  <si>
    <t>　そ　の　他　の　収　入</t>
    <rPh sb="5" eb="6">
      <t>タ</t>
    </rPh>
    <rPh sb="9" eb="10">
      <t>オサム</t>
    </rPh>
    <rPh sb="11" eb="12">
      <t>イリ</t>
    </rPh>
    <phoneticPr fontId="0"/>
  </si>
  <si>
    <t>　基　金　等　繰　入　金</t>
    <rPh sb="1" eb="2">
      <t>モト</t>
    </rPh>
    <rPh sb="3" eb="4">
      <t>キン</t>
    </rPh>
    <rPh sb="5" eb="6">
      <t>トウ</t>
    </rPh>
    <rPh sb="7" eb="8">
      <t>クリ</t>
    </rPh>
    <rPh sb="9" eb="10">
      <t>イリ</t>
    </rPh>
    <rPh sb="11" eb="12">
      <t>キン</t>
    </rPh>
    <phoneticPr fontId="0"/>
  </si>
  <si>
    <t>　繰　　越　　金</t>
    <rPh sb="1" eb="2">
      <t>クリ</t>
    </rPh>
    <rPh sb="4" eb="5">
      <t>コシ</t>
    </rPh>
    <rPh sb="7" eb="8">
      <t>カネ</t>
    </rPh>
    <phoneticPr fontId="0"/>
  </si>
  <si>
    <t>　市　　町　　村　　債</t>
    <rPh sb="1" eb="2">
      <t>シ</t>
    </rPh>
    <rPh sb="4" eb="5">
      <t>マチ</t>
    </rPh>
    <rPh sb="7" eb="8">
      <t>ムラ</t>
    </rPh>
    <rPh sb="10" eb="11">
      <t>サイ</t>
    </rPh>
    <phoneticPr fontId="0"/>
  </si>
  <si>
    <t>　単　　年　　度　　収　　支　　差</t>
    <rPh sb="1" eb="2">
      <t>タン</t>
    </rPh>
    <rPh sb="4" eb="5">
      <t>トシ</t>
    </rPh>
    <rPh sb="7" eb="8">
      <t>ド</t>
    </rPh>
    <rPh sb="10" eb="11">
      <t>オサム</t>
    </rPh>
    <rPh sb="13" eb="14">
      <t>ササ</t>
    </rPh>
    <rPh sb="16" eb="17">
      <t>サ</t>
    </rPh>
    <phoneticPr fontId="0"/>
  </si>
  <si>
    <t>　収　 支 　差 　引 　残</t>
    <phoneticPr fontId="0"/>
  </si>
  <si>
    <t>　直　診　勘　定　繰　出　金</t>
    <phoneticPr fontId="0"/>
  </si>
  <si>
    <t>その他の支出</t>
    <rPh sb="2" eb="3">
      <t>タ</t>
    </rPh>
    <rPh sb="4" eb="6">
      <t>シシュツ</t>
    </rPh>
    <phoneticPr fontId="0"/>
  </si>
  <si>
    <t>　そ　の　他　の　支　出</t>
    <rPh sb="5" eb="6">
      <t>タ</t>
    </rPh>
    <rPh sb="9" eb="10">
      <t>ササ</t>
    </rPh>
    <rPh sb="11" eb="12">
      <t>デ</t>
    </rPh>
    <phoneticPr fontId="0"/>
  </si>
  <si>
    <t>　基　金　等　積　立　金</t>
    <rPh sb="1" eb="2">
      <t>モト</t>
    </rPh>
    <rPh sb="3" eb="4">
      <t>キン</t>
    </rPh>
    <rPh sb="5" eb="6">
      <t>トウ</t>
    </rPh>
    <rPh sb="7" eb="8">
      <t>セキ</t>
    </rPh>
    <rPh sb="9" eb="10">
      <t>リツ</t>
    </rPh>
    <rPh sb="11" eb="12">
      <t>キン</t>
    </rPh>
    <phoneticPr fontId="0"/>
  </si>
  <si>
    <t>　前　年　度　繰　上　充　用　金</t>
    <phoneticPr fontId="0"/>
  </si>
  <si>
    <t>　公　　債　　費</t>
    <rPh sb="1" eb="2">
      <t>コウ</t>
    </rPh>
    <rPh sb="4" eb="5">
      <t>サイ</t>
    </rPh>
    <rPh sb="7" eb="8">
      <t>ヒ</t>
    </rPh>
    <phoneticPr fontId="0"/>
  </si>
  <si>
    <t>直診勘定繰入金</t>
    <rPh sb="0" eb="1">
      <t>ジキ</t>
    </rPh>
    <rPh sb="1" eb="2">
      <t>ミ</t>
    </rPh>
    <rPh sb="2" eb="4">
      <t>カンジョウ</t>
    </rPh>
    <rPh sb="4" eb="6">
      <t>クリイレ</t>
    </rPh>
    <rPh sb="6" eb="7">
      <t>キン</t>
    </rPh>
    <phoneticPr fontId="0"/>
  </si>
  <si>
    <t>単年度収入計</t>
    <rPh sb="0" eb="3">
      <t>タンネンド</t>
    </rPh>
    <rPh sb="3" eb="5">
      <t>シュウニュウ</t>
    </rPh>
    <rPh sb="5" eb="6">
      <t>ケイ</t>
    </rPh>
    <phoneticPr fontId="0"/>
  </si>
  <si>
    <t>基金等繰入金</t>
    <rPh sb="0" eb="2">
      <t>キキン</t>
    </rPh>
    <rPh sb="2" eb="3">
      <t>トウ</t>
    </rPh>
    <rPh sb="3" eb="6">
      <t>クリイレキン</t>
    </rPh>
    <phoneticPr fontId="0"/>
  </si>
  <si>
    <t>収　入　合  計</t>
    <rPh sb="0" eb="1">
      <t>オサム</t>
    </rPh>
    <rPh sb="2" eb="3">
      <t>イリ</t>
    </rPh>
    <rPh sb="4" eb="5">
      <t>ゴウ</t>
    </rPh>
    <phoneticPr fontId="0"/>
  </si>
  <si>
    <t>保　険　者　名</t>
    <rPh sb="0" eb="1">
      <t>タモツ</t>
    </rPh>
    <rPh sb="2" eb="3">
      <t>ケン</t>
    </rPh>
    <rPh sb="4" eb="5">
      <t>シャ</t>
    </rPh>
    <rPh sb="6" eb="7">
      <t>メイ</t>
    </rPh>
    <phoneticPr fontId="0"/>
  </si>
  <si>
    <t>支出合計</t>
    <rPh sb="0" eb="2">
      <t>シシュツ</t>
    </rPh>
    <rPh sb="2" eb="4">
      <t>ゴウケイ</t>
    </rPh>
    <phoneticPr fontId="0"/>
  </si>
  <si>
    <t>単年度収支差</t>
    <rPh sb="0" eb="3">
      <t>タンネンド</t>
    </rPh>
    <rPh sb="3" eb="5">
      <t>シュウシ</t>
    </rPh>
    <rPh sb="5" eb="6">
      <t>サ</t>
    </rPh>
    <phoneticPr fontId="0"/>
  </si>
  <si>
    <t>高額医療費共同事業</t>
    <rPh sb="0" eb="2">
      <t>コウガク</t>
    </rPh>
    <rPh sb="2" eb="5">
      <t>イリョウヒ</t>
    </rPh>
    <rPh sb="5" eb="7">
      <t>キョウドウ</t>
    </rPh>
    <rPh sb="7" eb="9">
      <t>ジギョウ</t>
    </rPh>
    <phoneticPr fontId="0"/>
  </si>
  <si>
    <t>保険財政共同安定化事業</t>
    <rPh sb="0" eb="2">
      <t>ホケン</t>
    </rPh>
    <rPh sb="2" eb="4">
      <t>ザイセイ</t>
    </rPh>
    <rPh sb="4" eb="6">
      <t>キョウドウ</t>
    </rPh>
    <rPh sb="6" eb="9">
      <t>アンテイカ</t>
    </rPh>
    <rPh sb="9" eb="11">
      <t>ジギョウ</t>
    </rPh>
    <phoneticPr fontId="0"/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組  合  計</t>
    <phoneticPr fontId="0"/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組  合  計</t>
    <phoneticPr fontId="0"/>
  </si>
  <si>
    <t>基準超
過費用</t>
    <phoneticPr fontId="0"/>
  </si>
  <si>
    <t>高額医療費
共同事業</t>
    <rPh sb="0" eb="2">
      <t>コウガク</t>
    </rPh>
    <rPh sb="2" eb="5">
      <t>イリョウヒ</t>
    </rPh>
    <rPh sb="6" eb="8">
      <t>キョウドウ</t>
    </rPh>
    <rPh sb="8" eb="10">
      <t>ジギョウ</t>
    </rPh>
    <phoneticPr fontId="0"/>
  </si>
  <si>
    <t>保険財政
共同安定化事業</t>
    <rPh sb="0" eb="2">
      <t>ホケン</t>
    </rPh>
    <rPh sb="2" eb="4">
      <t>ザイセイ</t>
    </rPh>
    <rPh sb="5" eb="7">
      <t>キョウドウ</t>
    </rPh>
    <rPh sb="7" eb="10">
      <t>アンテイカ</t>
    </rPh>
    <rPh sb="10" eb="12">
      <t>ジギョウ</t>
    </rPh>
    <phoneticPr fontId="0"/>
  </si>
  <si>
    <t>5月31日現在</t>
    <phoneticPr fontId="0"/>
  </si>
  <si>
    <t>(組合債)</t>
    <phoneticPr fontId="0"/>
  </si>
  <si>
    <t>－</t>
    <phoneticPr fontId="0"/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組  合  計</t>
    <phoneticPr fontId="0"/>
  </si>
  <si>
    <t>前期高齢者交付金</t>
    <rPh sb="0" eb="2">
      <t>ゼンキ</t>
    </rPh>
    <rPh sb="2" eb="5">
      <t>コウレイシャ</t>
    </rPh>
    <rPh sb="5" eb="8">
      <t>コウフキン</t>
    </rPh>
    <phoneticPr fontId="0"/>
  </si>
  <si>
    <t>保険基盤安定         （保険者支援分）</t>
    <rPh sb="16" eb="19">
      <t>ホケンシャ</t>
    </rPh>
    <rPh sb="19" eb="21">
      <t>シエン</t>
    </rPh>
    <rPh sb="21" eb="22">
      <t>ブン</t>
    </rPh>
    <phoneticPr fontId="0"/>
  </si>
  <si>
    <t>保険基盤安定           （保険税軽減分）</t>
    <rPh sb="18" eb="20">
      <t>ホケン</t>
    </rPh>
    <rPh sb="20" eb="21">
      <t>ゼイ</t>
    </rPh>
    <rPh sb="21" eb="23">
      <t>ケイゲン</t>
    </rPh>
    <rPh sb="23" eb="24">
      <t>ブン</t>
    </rPh>
    <phoneticPr fontId="0"/>
  </si>
  <si>
    <t>前期高齢者　　　   納付金</t>
    <rPh sb="0" eb="2">
      <t>ゼンキ</t>
    </rPh>
    <rPh sb="2" eb="5">
      <t>コウレイシャ</t>
    </rPh>
    <rPh sb="11" eb="14">
      <t>ノウフキン</t>
    </rPh>
    <phoneticPr fontId="0"/>
  </si>
  <si>
    <t>特定健康診査等          事業費</t>
    <rPh sb="0" eb="2">
      <t>トクテイ</t>
    </rPh>
    <rPh sb="2" eb="4">
      <t>ケンコウ</t>
    </rPh>
    <rPh sb="4" eb="6">
      <t>シンサ</t>
    </rPh>
    <rPh sb="6" eb="7">
      <t>トウ</t>
    </rPh>
    <rPh sb="17" eb="20">
      <t>ジギョウヒ</t>
    </rPh>
    <phoneticPr fontId="0"/>
  </si>
  <si>
    <t xml:space="preserve">第７－３表  経理状況(その他) </t>
    <phoneticPr fontId="0"/>
  </si>
  <si>
    <t xml:space="preserve">全  軽  減  対  象  世  帯  割  合 </t>
    <phoneticPr fontId="0"/>
  </si>
  <si>
    <t xml:space="preserve">(K)+(L)  </t>
    <phoneticPr fontId="0"/>
  </si>
  <si>
    <t>繰   入   金
合　 計</t>
    <rPh sb="0" eb="1">
      <t>クリ</t>
    </rPh>
    <rPh sb="4" eb="5">
      <t>イリ</t>
    </rPh>
    <rPh sb="8" eb="9">
      <t>キン</t>
    </rPh>
    <rPh sb="10" eb="11">
      <t>ゴウ</t>
    </rPh>
    <rPh sb="13" eb="14">
      <t>ケイ</t>
    </rPh>
    <phoneticPr fontId="0"/>
  </si>
  <si>
    <t xml:space="preserve">全  軽  減  対  象  世  帯  割  合  </t>
    <phoneticPr fontId="0"/>
  </si>
  <si>
    <t xml:space="preserve"> （単位：千円)</t>
    <phoneticPr fontId="0"/>
  </si>
  <si>
    <t>(単位:円)</t>
    <phoneticPr fontId="0"/>
  </si>
  <si>
    <t xml:space="preserve"> （単位：円)</t>
    <phoneticPr fontId="0"/>
  </si>
  <si>
    <t xml:space="preserve"> （単位：円)</t>
    <phoneticPr fontId="0"/>
  </si>
  <si>
    <t xml:space="preserve"> （単位：円)</t>
    <phoneticPr fontId="0"/>
  </si>
  <si>
    <t>計</t>
    <phoneticPr fontId="0"/>
  </si>
  <si>
    <t>小計</t>
    <phoneticPr fontId="0"/>
  </si>
  <si>
    <t xml:space="preserve"> 医　師</t>
    <phoneticPr fontId="0"/>
  </si>
  <si>
    <t>－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 xml:space="preserve">総務費等決算額      </t>
    <phoneticPr fontId="0"/>
  </si>
  <si>
    <t>事務費負担金</t>
    <phoneticPr fontId="0"/>
  </si>
  <si>
    <t>対総務費割合</t>
    <phoneticPr fontId="0"/>
  </si>
  <si>
    <t>当たり</t>
    <phoneticPr fontId="0"/>
  </si>
  <si>
    <t>組    合    計</t>
    <phoneticPr fontId="0"/>
  </si>
  <si>
    <t>県　           　計</t>
    <phoneticPr fontId="0"/>
  </si>
  <si>
    <t>構 成 割 合</t>
    <phoneticPr fontId="0"/>
  </si>
  <si>
    <t xml:space="preserve"> 横浜市</t>
    <phoneticPr fontId="0"/>
  </si>
  <si>
    <t>特定健康診査等　　負担金</t>
    <rPh sb="0" eb="2">
      <t>トクテイ</t>
    </rPh>
    <rPh sb="2" eb="4">
      <t>ケンコウ</t>
    </rPh>
    <rPh sb="4" eb="6">
      <t>シンサ</t>
    </rPh>
    <rPh sb="6" eb="7">
      <t>トウ</t>
    </rPh>
    <rPh sb="9" eb="12">
      <t>フタンキン</t>
    </rPh>
    <phoneticPr fontId="0"/>
  </si>
  <si>
    <t>高額医療費共同　　　事業負担金</t>
    <rPh sb="0" eb="2">
      <t>コウガク</t>
    </rPh>
    <rPh sb="2" eb="4">
      <t>イリョウ</t>
    </rPh>
    <rPh sb="4" eb="5">
      <t>ヒ</t>
    </rPh>
    <rPh sb="5" eb="7">
      <t>キョウドウ</t>
    </rPh>
    <rPh sb="10" eb="12">
      <t>ジギョウ</t>
    </rPh>
    <rPh sb="12" eb="15">
      <t>フタンキン</t>
    </rPh>
    <phoneticPr fontId="0"/>
  </si>
  <si>
    <t>広域化等支援　　基金支出金</t>
    <rPh sb="0" eb="3">
      <t>コウイキカ</t>
    </rPh>
    <rPh sb="3" eb="4">
      <t>トウ</t>
    </rPh>
    <rPh sb="4" eb="6">
      <t>シエン</t>
    </rPh>
    <rPh sb="8" eb="10">
      <t>キキン</t>
    </rPh>
    <rPh sb="10" eb="13">
      <t>シシュツキン</t>
    </rPh>
    <phoneticPr fontId="0"/>
  </si>
  <si>
    <t>療養給付費等
負担金</t>
    <rPh sb="5" eb="6">
      <t>トウ</t>
    </rPh>
    <phoneticPr fontId="0"/>
  </si>
  <si>
    <t>居所不明者分調定額</t>
    <rPh sb="0" eb="2">
      <t>キョショ</t>
    </rPh>
    <rPh sb="2" eb="5">
      <t>フメイシャ</t>
    </rPh>
    <rPh sb="5" eb="6">
      <t>ブン</t>
    </rPh>
    <rPh sb="6" eb="7">
      <t>チョウ</t>
    </rPh>
    <rPh sb="7" eb="9">
      <t>テイガク</t>
    </rPh>
    <phoneticPr fontId="0"/>
  </si>
  <si>
    <t xml:space="preserve">  </t>
    <phoneticPr fontId="0"/>
  </si>
  <si>
    <t>公債費　　　　   （組合債費）</t>
    <rPh sb="0" eb="2">
      <t>コウサイ</t>
    </rPh>
    <rPh sb="2" eb="3">
      <t>ヒ</t>
    </rPh>
    <rPh sb="11" eb="13">
      <t>クミアイ</t>
    </rPh>
    <rPh sb="13" eb="14">
      <t>サイ</t>
    </rPh>
    <rPh sb="14" eb="15">
      <t>ヒ</t>
    </rPh>
    <phoneticPr fontId="0"/>
  </si>
  <si>
    <t xml:space="preserve">   　　　　　　　軽  　減　  世  　帯  　数</t>
    <rPh sb="10" eb="11">
      <t>ケイ</t>
    </rPh>
    <rPh sb="14" eb="15">
      <t>ゲン</t>
    </rPh>
    <rPh sb="18" eb="19">
      <t>ヨ</t>
    </rPh>
    <rPh sb="22" eb="23">
      <t>オビ</t>
    </rPh>
    <rPh sb="26" eb="27">
      <t>スウ</t>
    </rPh>
    <phoneticPr fontId="0"/>
  </si>
  <si>
    <t>2割軽減</t>
    <phoneticPr fontId="0"/>
  </si>
  <si>
    <t>一人当たり
保険料算定額</t>
    <rPh sb="0" eb="2">
      <t>ヒトリ</t>
    </rPh>
    <rPh sb="2" eb="3">
      <t>トウ</t>
    </rPh>
    <rPh sb="6" eb="9">
      <t>ホケンリョウ</t>
    </rPh>
    <rPh sb="9" eb="11">
      <t>サンテイ</t>
    </rPh>
    <rPh sb="11" eb="12">
      <t>ガク</t>
    </rPh>
    <phoneticPr fontId="0"/>
  </si>
  <si>
    <t>一人当たり
平均算定額</t>
    <rPh sb="0" eb="3">
      <t>ヒトリア</t>
    </rPh>
    <rPh sb="6" eb="8">
      <t>ヘイキン</t>
    </rPh>
    <rPh sb="8" eb="10">
      <t>サンテイ</t>
    </rPh>
    <rPh sb="10" eb="11">
      <t>ガク</t>
    </rPh>
    <phoneticPr fontId="0"/>
  </si>
  <si>
    <t>第１２表　基盤安定制度繰入金の状況－２</t>
    <phoneticPr fontId="0"/>
  </si>
  <si>
    <t>第１２表　基盤安定制度繰入金の状況－３</t>
    <phoneticPr fontId="0"/>
  </si>
  <si>
    <t>第１２表　基盤安定制度繰入金の状況－４</t>
    <phoneticPr fontId="0"/>
  </si>
  <si>
    <t>平成29年度</t>
  </si>
  <si>
    <t>平成28年度</t>
  </si>
  <si>
    <t>‐</t>
  </si>
  <si>
    <t>‐</t>
    <phoneticPr fontId="0"/>
  </si>
  <si>
    <t>‐</t>
    <phoneticPr fontId="0"/>
  </si>
  <si>
    <t>-</t>
    <phoneticPr fontId="0"/>
  </si>
  <si>
    <t>-</t>
    <phoneticPr fontId="0"/>
  </si>
  <si>
    <t>-</t>
    <phoneticPr fontId="0"/>
  </si>
  <si>
    <t>－</t>
    <phoneticPr fontId="0"/>
  </si>
  <si>
    <t>－</t>
    <phoneticPr fontId="0"/>
  </si>
  <si>
    <t>事業費納付金</t>
    <rPh sb="0" eb="2">
      <t>ジギョウ</t>
    </rPh>
    <rPh sb="2" eb="3">
      <t>ヒ</t>
    </rPh>
    <rPh sb="3" eb="6">
      <t>ノウフキン</t>
    </rPh>
    <phoneticPr fontId="0"/>
  </si>
  <si>
    <t>医療給付費分</t>
    <rPh sb="0" eb="2">
      <t>イリョウ</t>
    </rPh>
    <rPh sb="2" eb="4">
      <t>キュウフ</t>
    </rPh>
    <rPh sb="4" eb="5">
      <t>ヒ</t>
    </rPh>
    <rPh sb="5" eb="6">
      <t>ブン</t>
    </rPh>
    <phoneticPr fontId="0"/>
  </si>
  <si>
    <t>一般被保険者分</t>
    <rPh sb="0" eb="2">
      <t>イッパン</t>
    </rPh>
    <rPh sb="2" eb="6">
      <t>ヒホケンシャ</t>
    </rPh>
    <rPh sb="6" eb="7">
      <t>ブン</t>
    </rPh>
    <phoneticPr fontId="0"/>
  </si>
  <si>
    <t>退職被保険者等分</t>
    <rPh sb="0" eb="2">
      <t>タイショク</t>
    </rPh>
    <rPh sb="2" eb="6">
      <t>ヒホケンシャ</t>
    </rPh>
    <rPh sb="6" eb="7">
      <t>トウ</t>
    </rPh>
    <rPh sb="7" eb="8">
      <t>ブン</t>
    </rPh>
    <phoneticPr fontId="0"/>
  </si>
  <si>
    <t>後期高齢者支援金等分</t>
    <rPh sb="0" eb="2">
      <t>コウキ</t>
    </rPh>
    <rPh sb="2" eb="5">
      <t>コウレイシャ</t>
    </rPh>
    <rPh sb="5" eb="7">
      <t>シエン</t>
    </rPh>
    <rPh sb="7" eb="8">
      <t>キン</t>
    </rPh>
    <rPh sb="8" eb="9">
      <t>トウ</t>
    </rPh>
    <rPh sb="9" eb="10">
      <t>ブン</t>
    </rPh>
    <phoneticPr fontId="0"/>
  </si>
  <si>
    <t>介護納付金分</t>
    <rPh sb="0" eb="2">
      <t>カイゴ</t>
    </rPh>
    <rPh sb="2" eb="5">
      <t>ノウフキン</t>
    </rPh>
    <rPh sb="5" eb="6">
      <t>ブン</t>
    </rPh>
    <phoneticPr fontId="0"/>
  </si>
  <si>
    <t>財政安定化基金負担金</t>
    <rPh sb="0" eb="2">
      <t>ザイセイ</t>
    </rPh>
    <rPh sb="2" eb="5">
      <t>アンテイカ</t>
    </rPh>
    <rPh sb="5" eb="7">
      <t>キキン</t>
    </rPh>
    <rPh sb="7" eb="10">
      <t>フタンキン</t>
    </rPh>
    <phoneticPr fontId="0"/>
  </si>
  <si>
    <t>計</t>
    <rPh sb="0" eb="1">
      <t>ケイ</t>
    </rPh>
    <phoneticPr fontId="0"/>
  </si>
  <si>
    <t>国庫負担金</t>
    <rPh sb="0" eb="2">
      <t>コッコ</t>
    </rPh>
    <rPh sb="2" eb="5">
      <t>フタンキン</t>
    </rPh>
    <phoneticPr fontId="0"/>
  </si>
  <si>
    <t>高額医療費負担金</t>
    <rPh sb="0" eb="2">
      <t>コウガク</t>
    </rPh>
    <rPh sb="2" eb="5">
      <t>イリョウヒ</t>
    </rPh>
    <rPh sb="5" eb="7">
      <t>フタン</t>
    </rPh>
    <rPh sb="7" eb="8">
      <t>キン</t>
    </rPh>
    <phoneticPr fontId="0"/>
  </si>
  <si>
    <t>特別高額医療費共同事業負担金</t>
    <rPh sb="0" eb="2">
      <t>トクベツ</t>
    </rPh>
    <rPh sb="2" eb="4">
      <t>コウガク</t>
    </rPh>
    <rPh sb="4" eb="7">
      <t>イリョウヒ</t>
    </rPh>
    <rPh sb="7" eb="9">
      <t>キョウドウ</t>
    </rPh>
    <rPh sb="9" eb="11">
      <t>ジギョウ</t>
    </rPh>
    <rPh sb="11" eb="14">
      <t>フタンキン</t>
    </rPh>
    <phoneticPr fontId="0"/>
  </si>
  <si>
    <t>財政安定化基金負担金</t>
    <rPh sb="0" eb="2">
      <t>ザイセイ</t>
    </rPh>
    <rPh sb="2" eb="5">
      <t>アンテイカ</t>
    </rPh>
    <rPh sb="5" eb="7">
      <t>キキン</t>
    </rPh>
    <rPh sb="7" eb="10">
      <t>フタンキン</t>
    </rPh>
    <phoneticPr fontId="0"/>
  </si>
  <si>
    <t>国庫補助金</t>
    <phoneticPr fontId="0"/>
  </si>
  <si>
    <t>普通調整交付金</t>
    <rPh sb="0" eb="2">
      <t>フツウ</t>
    </rPh>
    <rPh sb="2" eb="4">
      <t>チョウセイ</t>
    </rPh>
    <rPh sb="4" eb="7">
      <t>コウフキン</t>
    </rPh>
    <phoneticPr fontId="0"/>
  </si>
  <si>
    <t>特別調整交付金</t>
    <rPh sb="0" eb="2">
      <t>トクベツ</t>
    </rPh>
    <rPh sb="2" eb="4">
      <t>チョウセイ</t>
    </rPh>
    <rPh sb="4" eb="7">
      <t>コウフキン</t>
    </rPh>
    <phoneticPr fontId="0"/>
  </si>
  <si>
    <t>保険者努力支援制度交付金</t>
    <rPh sb="0" eb="3">
      <t>ホケンシャ</t>
    </rPh>
    <rPh sb="3" eb="5">
      <t>ドリョク</t>
    </rPh>
    <rPh sb="5" eb="7">
      <t>シエン</t>
    </rPh>
    <rPh sb="7" eb="9">
      <t>セイド</t>
    </rPh>
    <rPh sb="9" eb="12">
      <t>コウフキン</t>
    </rPh>
    <phoneticPr fontId="0"/>
  </si>
  <si>
    <t>財政安定化基金補助金</t>
    <rPh sb="0" eb="2">
      <t>ザイセイ</t>
    </rPh>
    <rPh sb="2" eb="5">
      <t>アンテイカ</t>
    </rPh>
    <rPh sb="5" eb="7">
      <t>キキン</t>
    </rPh>
    <rPh sb="7" eb="10">
      <t>ホジョキン</t>
    </rPh>
    <phoneticPr fontId="0"/>
  </si>
  <si>
    <t>その他</t>
    <rPh sb="2" eb="3">
      <t>タ</t>
    </rPh>
    <phoneticPr fontId="0"/>
  </si>
  <si>
    <t>特別高額医療費共同事業交付金</t>
    <rPh sb="0" eb="2">
      <t>トクベツ</t>
    </rPh>
    <rPh sb="2" eb="4">
      <t>コウガク</t>
    </rPh>
    <rPh sb="4" eb="7">
      <t>イリョウヒ</t>
    </rPh>
    <rPh sb="7" eb="9">
      <t>キョウドウ</t>
    </rPh>
    <rPh sb="9" eb="11">
      <t>ジギョウ</t>
    </rPh>
    <rPh sb="11" eb="14">
      <t>コウフキン</t>
    </rPh>
    <phoneticPr fontId="0"/>
  </si>
  <si>
    <t>一般会計繰入金</t>
    <rPh sb="0" eb="2">
      <t>イッパン</t>
    </rPh>
    <rPh sb="2" eb="4">
      <t>カイケイ</t>
    </rPh>
    <rPh sb="4" eb="6">
      <t>クリイレ</t>
    </rPh>
    <rPh sb="6" eb="7">
      <t>キン</t>
    </rPh>
    <phoneticPr fontId="0"/>
  </si>
  <si>
    <t>保険給付費等交付金返還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rPh sb="9" eb="12">
      <t>ヘンカンキン</t>
    </rPh>
    <phoneticPr fontId="0"/>
  </si>
  <si>
    <t>その他収入</t>
    <rPh sb="2" eb="3">
      <t>タ</t>
    </rPh>
    <rPh sb="3" eb="5">
      <t>シュウニュウ</t>
    </rPh>
    <phoneticPr fontId="0"/>
  </si>
  <si>
    <t>分担金及び負担金</t>
    <rPh sb="0" eb="3">
      <t>ブンタンキン</t>
    </rPh>
    <rPh sb="3" eb="4">
      <t>オヨ</t>
    </rPh>
    <rPh sb="5" eb="8">
      <t>フタンキン</t>
    </rPh>
    <phoneticPr fontId="0"/>
  </si>
  <si>
    <t>基金繰入金</t>
    <rPh sb="0" eb="2">
      <t>キキン</t>
    </rPh>
    <rPh sb="2" eb="4">
      <t>クリイレ</t>
    </rPh>
    <rPh sb="4" eb="5">
      <t>キン</t>
    </rPh>
    <phoneticPr fontId="0"/>
  </si>
  <si>
    <t>財政安定化基金貸付金返還金</t>
    <rPh sb="0" eb="2">
      <t>ザイセイ</t>
    </rPh>
    <rPh sb="2" eb="5">
      <t>アンテイカ</t>
    </rPh>
    <rPh sb="5" eb="7">
      <t>キキン</t>
    </rPh>
    <rPh sb="7" eb="9">
      <t>カシツケ</t>
    </rPh>
    <rPh sb="9" eb="10">
      <t>キン</t>
    </rPh>
    <rPh sb="10" eb="13">
      <t>ヘンカンキン</t>
    </rPh>
    <phoneticPr fontId="0"/>
  </si>
  <si>
    <t>繰越金</t>
    <rPh sb="0" eb="2">
      <t>クリコシ</t>
    </rPh>
    <rPh sb="2" eb="3">
      <t>キン</t>
    </rPh>
    <phoneticPr fontId="0"/>
  </si>
  <si>
    <t>収入合計</t>
    <rPh sb="0" eb="2">
      <t>シュウニュウ</t>
    </rPh>
    <rPh sb="2" eb="4">
      <t>ゴウケイ</t>
    </rPh>
    <phoneticPr fontId="0"/>
  </si>
  <si>
    <t>保険給付費等交付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phoneticPr fontId="0"/>
  </si>
  <si>
    <t>普通交付金</t>
    <rPh sb="0" eb="2">
      <t>フツウ</t>
    </rPh>
    <rPh sb="2" eb="5">
      <t>コウフキン</t>
    </rPh>
    <phoneticPr fontId="0"/>
  </si>
  <si>
    <t>特別交付金</t>
    <rPh sb="0" eb="2">
      <t>トクベツ</t>
    </rPh>
    <rPh sb="2" eb="5">
      <t>コウフキン</t>
    </rPh>
    <phoneticPr fontId="0"/>
  </si>
  <si>
    <t>計</t>
    <rPh sb="0" eb="1">
      <t>ケイ</t>
    </rPh>
    <phoneticPr fontId="0"/>
  </si>
  <si>
    <t>後期高齢者支援金等</t>
    <rPh sb="0" eb="2">
      <t>コウキ</t>
    </rPh>
    <rPh sb="2" eb="5">
      <t>コウレイシャ</t>
    </rPh>
    <rPh sb="5" eb="7">
      <t>シエン</t>
    </rPh>
    <rPh sb="7" eb="8">
      <t>キン</t>
    </rPh>
    <rPh sb="8" eb="9">
      <t>トウ</t>
    </rPh>
    <phoneticPr fontId="0"/>
  </si>
  <si>
    <t>後期高齢者支援金</t>
    <rPh sb="0" eb="2">
      <t>コウキ</t>
    </rPh>
    <rPh sb="2" eb="5">
      <t>コウレイシャ</t>
    </rPh>
    <rPh sb="5" eb="7">
      <t>シエン</t>
    </rPh>
    <rPh sb="7" eb="8">
      <t>キン</t>
    </rPh>
    <phoneticPr fontId="0"/>
  </si>
  <si>
    <t>事務費拠出金</t>
    <rPh sb="0" eb="3">
      <t>ジムヒ</t>
    </rPh>
    <rPh sb="3" eb="6">
      <t>キョシュツキン</t>
    </rPh>
    <phoneticPr fontId="0"/>
  </si>
  <si>
    <t>前期高齢者納付金等</t>
    <rPh sb="0" eb="2">
      <t>ゼンキ</t>
    </rPh>
    <rPh sb="2" eb="5">
      <t>コウレイシャ</t>
    </rPh>
    <rPh sb="5" eb="8">
      <t>ノウフキン</t>
    </rPh>
    <rPh sb="8" eb="9">
      <t>トウ</t>
    </rPh>
    <phoneticPr fontId="0"/>
  </si>
  <si>
    <t>前期高齢者納付金</t>
    <rPh sb="0" eb="2">
      <t>ゼンキ</t>
    </rPh>
    <rPh sb="2" eb="5">
      <t>コウレイシャ</t>
    </rPh>
    <rPh sb="5" eb="8">
      <t>ノウフキン</t>
    </rPh>
    <phoneticPr fontId="0"/>
  </si>
  <si>
    <t>介護納付金</t>
    <rPh sb="0" eb="2">
      <t>カイゴ</t>
    </rPh>
    <rPh sb="2" eb="5">
      <t>ノウフキン</t>
    </rPh>
    <phoneticPr fontId="0"/>
  </si>
  <si>
    <t>病床転換支援金等</t>
    <rPh sb="0" eb="2">
      <t>ビョウショウ</t>
    </rPh>
    <rPh sb="2" eb="4">
      <t>テンカン</t>
    </rPh>
    <rPh sb="4" eb="6">
      <t>シエン</t>
    </rPh>
    <rPh sb="6" eb="7">
      <t>キン</t>
    </rPh>
    <rPh sb="7" eb="8">
      <t>トウ</t>
    </rPh>
    <phoneticPr fontId="0"/>
  </si>
  <si>
    <t>病床転換支援金</t>
    <rPh sb="0" eb="2">
      <t>ビョウショウ</t>
    </rPh>
    <rPh sb="2" eb="4">
      <t>テンカン</t>
    </rPh>
    <rPh sb="4" eb="6">
      <t>シエン</t>
    </rPh>
    <rPh sb="6" eb="7">
      <t>キン</t>
    </rPh>
    <phoneticPr fontId="0"/>
  </si>
  <si>
    <t>特別高額医療費共同事業</t>
    <rPh sb="0" eb="2">
      <t>トクベツ</t>
    </rPh>
    <rPh sb="2" eb="4">
      <t>コウガク</t>
    </rPh>
    <rPh sb="4" eb="7">
      <t>イリョウヒ</t>
    </rPh>
    <rPh sb="7" eb="9">
      <t>キョウドウ</t>
    </rPh>
    <rPh sb="9" eb="11">
      <t>ジギョウ</t>
    </rPh>
    <phoneticPr fontId="0"/>
  </si>
  <si>
    <t>事業費拠出金</t>
    <rPh sb="0" eb="2">
      <t>ジギョウ</t>
    </rPh>
    <rPh sb="2" eb="3">
      <t>ヒ</t>
    </rPh>
    <rPh sb="3" eb="6">
      <t>キョシュツキン</t>
    </rPh>
    <phoneticPr fontId="0"/>
  </si>
  <si>
    <t>財政安定化基金交付金</t>
    <rPh sb="0" eb="2">
      <t>ザイセイ</t>
    </rPh>
    <rPh sb="2" eb="5">
      <t>アンテイカ</t>
    </rPh>
    <rPh sb="5" eb="7">
      <t>キキン</t>
    </rPh>
    <rPh sb="7" eb="9">
      <t>コウフ</t>
    </rPh>
    <rPh sb="9" eb="10">
      <t>キン</t>
    </rPh>
    <phoneticPr fontId="0"/>
  </si>
  <si>
    <t>保健事業費</t>
    <rPh sb="0" eb="2">
      <t>ホケン</t>
    </rPh>
    <rPh sb="2" eb="4">
      <t>ジギョウ</t>
    </rPh>
    <rPh sb="4" eb="5">
      <t>ヒ</t>
    </rPh>
    <phoneticPr fontId="0"/>
  </si>
  <si>
    <t>償還金及び還付付加金</t>
    <rPh sb="0" eb="2">
      <t>ショウカン</t>
    </rPh>
    <rPh sb="2" eb="3">
      <t>キン</t>
    </rPh>
    <rPh sb="3" eb="4">
      <t>オヨ</t>
    </rPh>
    <rPh sb="5" eb="7">
      <t>カンプ</t>
    </rPh>
    <rPh sb="7" eb="9">
      <t>フカ</t>
    </rPh>
    <rPh sb="9" eb="10">
      <t>キン</t>
    </rPh>
    <phoneticPr fontId="0"/>
  </si>
  <si>
    <t>療養給付費等負担金償還金</t>
    <rPh sb="0" eb="2">
      <t>リョウヨウ</t>
    </rPh>
    <rPh sb="2" eb="4">
      <t>キュウフ</t>
    </rPh>
    <rPh sb="4" eb="5">
      <t>ヒ</t>
    </rPh>
    <rPh sb="5" eb="6">
      <t>トウ</t>
    </rPh>
    <rPh sb="6" eb="9">
      <t>フタンキン</t>
    </rPh>
    <rPh sb="9" eb="11">
      <t>ショウカン</t>
    </rPh>
    <rPh sb="11" eb="12">
      <t>キン</t>
    </rPh>
    <phoneticPr fontId="0"/>
  </si>
  <si>
    <t>療養給付費等交付金償還金</t>
    <rPh sb="0" eb="2">
      <t>リョウヨウ</t>
    </rPh>
    <rPh sb="2" eb="4">
      <t>キュウフ</t>
    </rPh>
    <rPh sb="4" eb="5">
      <t>ヒ</t>
    </rPh>
    <rPh sb="5" eb="6">
      <t>トウ</t>
    </rPh>
    <rPh sb="6" eb="8">
      <t>コウフ</t>
    </rPh>
    <rPh sb="8" eb="9">
      <t>キン</t>
    </rPh>
    <rPh sb="9" eb="11">
      <t>ショウカン</t>
    </rPh>
    <rPh sb="11" eb="12">
      <t>キン</t>
    </rPh>
    <phoneticPr fontId="0"/>
  </si>
  <si>
    <t>特定健康診査等負担金償還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rPh sb="10" eb="12">
      <t>ショウカン</t>
    </rPh>
    <rPh sb="12" eb="13">
      <t>キン</t>
    </rPh>
    <phoneticPr fontId="0"/>
  </si>
  <si>
    <t>その他の支出</t>
    <rPh sb="2" eb="3">
      <t>タ</t>
    </rPh>
    <rPh sb="4" eb="6">
      <t>シシュツ</t>
    </rPh>
    <phoneticPr fontId="0"/>
  </si>
  <si>
    <t>小計（単年度支出）</t>
    <rPh sb="0" eb="2">
      <t>ショウケイ</t>
    </rPh>
    <rPh sb="3" eb="6">
      <t>タンネンド</t>
    </rPh>
    <rPh sb="6" eb="8">
      <t>シシュツ</t>
    </rPh>
    <phoneticPr fontId="0"/>
  </si>
  <si>
    <t>単年度収支差</t>
    <rPh sb="0" eb="1">
      <t>タン</t>
    </rPh>
    <rPh sb="1" eb="3">
      <t>ネンド</t>
    </rPh>
    <rPh sb="3" eb="5">
      <t>シュウシ</t>
    </rPh>
    <rPh sb="5" eb="6">
      <t>サ</t>
    </rPh>
    <phoneticPr fontId="0"/>
  </si>
  <si>
    <t>基金積立金</t>
    <rPh sb="0" eb="2">
      <t>キキン</t>
    </rPh>
    <rPh sb="2" eb="4">
      <t>ツミタテ</t>
    </rPh>
    <rPh sb="4" eb="5">
      <t>キン</t>
    </rPh>
    <phoneticPr fontId="0"/>
  </si>
  <si>
    <t>財政安定化基金貸付金</t>
    <rPh sb="0" eb="2">
      <t>ザイセイ</t>
    </rPh>
    <rPh sb="2" eb="5">
      <t>アンテイカ</t>
    </rPh>
    <rPh sb="5" eb="7">
      <t>キキン</t>
    </rPh>
    <rPh sb="7" eb="9">
      <t>カシツケ</t>
    </rPh>
    <rPh sb="9" eb="10">
      <t>キン</t>
    </rPh>
    <phoneticPr fontId="0"/>
  </si>
  <si>
    <t>前年度繰上充用金</t>
    <rPh sb="0" eb="3">
      <t>ゼンネンド</t>
    </rPh>
    <rPh sb="3" eb="5">
      <t>クリアゲ</t>
    </rPh>
    <rPh sb="5" eb="7">
      <t>ジュウヨウ</t>
    </rPh>
    <rPh sb="7" eb="8">
      <t>キン</t>
    </rPh>
    <phoneticPr fontId="0"/>
  </si>
  <si>
    <t>支出合計</t>
    <rPh sb="0" eb="2">
      <t>シシュツ</t>
    </rPh>
    <rPh sb="2" eb="4">
      <t>ゴウケイ</t>
    </rPh>
    <phoneticPr fontId="0"/>
  </si>
  <si>
    <t>収支差引残（収入合計-支出合計）</t>
    <rPh sb="0" eb="2">
      <t>シュウシ</t>
    </rPh>
    <rPh sb="2" eb="4">
      <t>サシヒキ</t>
    </rPh>
    <rPh sb="4" eb="5">
      <t>ザン</t>
    </rPh>
    <rPh sb="6" eb="8">
      <t>シュウニュウ</t>
    </rPh>
    <rPh sb="8" eb="10">
      <t>ゴウケイ</t>
    </rPh>
    <rPh sb="11" eb="13">
      <t>シシュツ</t>
    </rPh>
    <rPh sb="13" eb="15">
      <t>ゴウケイ</t>
    </rPh>
    <phoneticPr fontId="0"/>
  </si>
  <si>
    <t>県計（円）</t>
    <rPh sb="0" eb="1">
      <t>ケン</t>
    </rPh>
    <rPh sb="1" eb="2">
      <t>ケイ</t>
    </rPh>
    <rPh sb="3" eb="4">
      <t>エン</t>
    </rPh>
    <phoneticPr fontId="6"/>
  </si>
  <si>
    <t>平成30年度</t>
    <rPh sb="0" eb="2">
      <t>ヘイセイ</t>
    </rPh>
    <rPh sb="4" eb="6">
      <t>ネンド</t>
    </rPh>
    <phoneticPr fontId="0"/>
  </si>
  <si>
    <t>（円）</t>
    <rPh sb="1" eb="2">
      <t>エン</t>
    </rPh>
    <phoneticPr fontId="0"/>
  </si>
  <si>
    <t>保険給付費等交付金普通交付金</t>
    <rPh sb="0" eb="2">
      <t>ホケン</t>
    </rPh>
    <rPh sb="2" eb="4">
      <t>キュウフ</t>
    </rPh>
    <rPh sb="4" eb="5">
      <t>ヒ</t>
    </rPh>
    <rPh sb="5" eb="6">
      <t>トウ</t>
    </rPh>
    <rPh sb="6" eb="9">
      <t>コウフキン</t>
    </rPh>
    <rPh sb="9" eb="11">
      <t>フツウ</t>
    </rPh>
    <rPh sb="11" eb="14">
      <t>コウフキン</t>
    </rPh>
    <phoneticPr fontId="6"/>
  </si>
  <si>
    <t>　財政安定化基金交付金
（広域化等支援基金支出金）</t>
    <rPh sb="1" eb="3">
      <t>ザイセイ</t>
    </rPh>
    <rPh sb="3" eb="6">
      <t>アンテイカ</t>
    </rPh>
    <rPh sb="6" eb="8">
      <t>キキン</t>
    </rPh>
    <rPh sb="8" eb="10">
      <t>コウフ</t>
    </rPh>
    <rPh sb="10" eb="11">
      <t>キン</t>
    </rPh>
    <rPh sb="13" eb="16">
      <t>コウイキカ</t>
    </rPh>
    <rPh sb="16" eb="17">
      <t>トウ</t>
    </rPh>
    <rPh sb="17" eb="19">
      <t>シエン</t>
    </rPh>
    <rPh sb="19" eb="21">
      <t>キキン</t>
    </rPh>
    <rPh sb="21" eb="24">
      <t>シシュツキン</t>
    </rPh>
    <phoneticPr fontId="0"/>
  </si>
  <si>
    <t>　特定健康診査等負担金</t>
    <phoneticPr fontId="6"/>
  </si>
  <si>
    <t>特別交付金</t>
    <rPh sb="0" eb="2">
      <t>トクベツ</t>
    </rPh>
    <rPh sb="2" eb="5">
      <t>コウフキン</t>
    </rPh>
    <phoneticPr fontId="6"/>
  </si>
  <si>
    <t>　保険者努力支援分</t>
    <phoneticPr fontId="6"/>
  </si>
  <si>
    <t>国民健康保険事業費納付金</t>
    <rPh sb="0" eb="2">
      <t>コクミン</t>
    </rPh>
    <rPh sb="2" eb="4">
      <t>ケンコウ</t>
    </rPh>
    <rPh sb="4" eb="6">
      <t>ホケン</t>
    </rPh>
    <rPh sb="6" eb="9">
      <t>ジギョウヒ</t>
    </rPh>
    <rPh sb="9" eb="12">
      <t>ノウフキン</t>
    </rPh>
    <phoneticPr fontId="6"/>
  </si>
  <si>
    <t>医療給付費</t>
    <rPh sb="0" eb="2">
      <t>イリョウ</t>
    </rPh>
    <rPh sb="2" eb="4">
      <t>キュウフ</t>
    </rPh>
    <rPh sb="4" eb="5">
      <t>ヒ</t>
    </rPh>
    <phoneticPr fontId="6"/>
  </si>
  <si>
    <t>一般被保険者分</t>
    <rPh sb="0" eb="2">
      <t>イッパン</t>
    </rPh>
    <rPh sb="2" eb="6">
      <t>ヒホケンシャ</t>
    </rPh>
    <rPh sb="6" eb="7">
      <t>ブン</t>
    </rPh>
    <phoneticPr fontId="6"/>
  </si>
  <si>
    <t>退職被保険者分</t>
    <rPh sb="0" eb="2">
      <t>タイショク</t>
    </rPh>
    <rPh sb="2" eb="6">
      <t>ヒホケンシャ</t>
    </rPh>
    <rPh sb="6" eb="7">
      <t>ブン</t>
    </rPh>
    <phoneticPr fontId="6"/>
  </si>
  <si>
    <t>合計</t>
    <rPh sb="0" eb="2">
      <t>ゴウケイ</t>
    </rPh>
    <phoneticPr fontId="6"/>
  </si>
  <si>
    <t>後期高齢者支援金</t>
    <rPh sb="0" eb="2">
      <t>コウキ</t>
    </rPh>
    <rPh sb="2" eb="5">
      <t>コウレイシャ</t>
    </rPh>
    <rPh sb="5" eb="7">
      <t>シエン</t>
    </rPh>
    <rPh sb="7" eb="8">
      <t>キン</t>
    </rPh>
    <phoneticPr fontId="6"/>
  </si>
  <si>
    <t>後期高齢者拠出金</t>
    <phoneticPr fontId="6"/>
  </si>
  <si>
    <t>前期高齢者拠出金</t>
    <phoneticPr fontId="6"/>
  </si>
  <si>
    <t>社会保険支払基金</t>
    <rPh sb="0" eb="2">
      <t>シャカイ</t>
    </rPh>
    <rPh sb="2" eb="4">
      <t>ホケン</t>
    </rPh>
    <rPh sb="4" eb="6">
      <t>シハライ</t>
    </rPh>
    <rPh sb="6" eb="8">
      <t>キキン</t>
    </rPh>
    <phoneticPr fontId="6"/>
  </si>
  <si>
    <t>市町村計</t>
    <rPh sb="0" eb="3">
      <t>シチョウソン</t>
    </rPh>
    <rPh sb="3" eb="4">
      <t>ケイ</t>
    </rPh>
    <phoneticPr fontId="6"/>
  </si>
  <si>
    <t>組合計</t>
    <rPh sb="0" eb="2">
      <t>クミアイ</t>
    </rPh>
    <rPh sb="2" eb="3">
      <t>ケイ</t>
    </rPh>
    <phoneticPr fontId="6"/>
  </si>
  <si>
    <t>　直　診　勘　定　繰　入　金</t>
    <rPh sb="1" eb="2">
      <t>チョク</t>
    </rPh>
    <rPh sb="3" eb="4">
      <t>ミ</t>
    </rPh>
    <rPh sb="5" eb="6">
      <t>カン</t>
    </rPh>
    <rPh sb="7" eb="8">
      <t>サダム</t>
    </rPh>
    <rPh sb="9" eb="10">
      <t>クリ</t>
    </rPh>
    <rPh sb="11" eb="12">
      <t>ニュウ</t>
    </rPh>
    <rPh sb="13" eb="14">
      <t>キン</t>
    </rPh>
    <phoneticPr fontId="0"/>
  </si>
  <si>
    <t>-</t>
    <phoneticPr fontId="0"/>
  </si>
  <si>
    <t>一般被保険者分</t>
    <rPh sb="0" eb="2">
      <t>イッパン</t>
    </rPh>
    <rPh sb="2" eb="6">
      <t>ヒホケンシャ</t>
    </rPh>
    <rPh sb="6" eb="7">
      <t>ブン</t>
    </rPh>
    <phoneticPr fontId="0"/>
  </si>
  <si>
    <t>退職被保険者分</t>
    <rPh sb="0" eb="2">
      <t>タイショク</t>
    </rPh>
    <rPh sb="2" eb="3">
      <t>ヒ</t>
    </rPh>
    <rPh sb="3" eb="6">
      <t>ホケンシャ</t>
    </rPh>
    <rPh sb="6" eb="7">
      <t>ブン</t>
    </rPh>
    <phoneticPr fontId="0"/>
  </si>
  <si>
    <t>後期高齢者支援金等分</t>
    <rPh sb="0" eb="2">
      <t>コウキ</t>
    </rPh>
    <rPh sb="2" eb="5">
      <t>コウレイシャ</t>
    </rPh>
    <rPh sb="5" eb="7">
      <t>シエン</t>
    </rPh>
    <rPh sb="7" eb="8">
      <t>キン</t>
    </rPh>
    <rPh sb="8" eb="9">
      <t>トウ</t>
    </rPh>
    <rPh sb="9" eb="10">
      <t>ブン</t>
    </rPh>
    <phoneticPr fontId="0"/>
  </si>
  <si>
    <t>医療給付費分</t>
    <rPh sb="0" eb="4">
      <t>イリョウキュウフ</t>
    </rPh>
    <rPh sb="4" eb="5">
      <t>ヒ</t>
    </rPh>
    <rPh sb="5" eb="6">
      <t>ブン</t>
    </rPh>
    <phoneticPr fontId="0"/>
  </si>
  <si>
    <t>国民健康保険事業費納付金</t>
    <rPh sb="0" eb="6">
      <t>コクミンケンコウホケン</t>
    </rPh>
    <rPh sb="6" eb="9">
      <t>ジギョウヒ</t>
    </rPh>
    <rPh sb="9" eb="12">
      <t>ノウフキン</t>
    </rPh>
    <phoneticPr fontId="0"/>
  </si>
  <si>
    <t>保険給付費</t>
    <rPh sb="4" eb="5">
      <t>ヒ</t>
    </rPh>
    <phoneticPr fontId="0"/>
  </si>
  <si>
    <t>保険給付費合計</t>
    <rPh sb="4" eb="5">
      <t>ヒ</t>
    </rPh>
    <phoneticPr fontId="0"/>
  </si>
  <si>
    <t>保険給付費</t>
    <rPh sb="4" eb="5">
      <t>ヒ</t>
    </rPh>
    <phoneticPr fontId="0"/>
  </si>
  <si>
    <t>その他給付費</t>
    <rPh sb="5" eb="6">
      <t>ヒ</t>
    </rPh>
    <phoneticPr fontId="0"/>
  </si>
  <si>
    <t>-</t>
    <phoneticPr fontId="0"/>
  </si>
  <si>
    <t>平成28年度</t>
    <rPh sb="0" eb="2">
      <t>ヘイセイ</t>
    </rPh>
    <rPh sb="4" eb="6">
      <t>ネンド</t>
    </rPh>
    <phoneticPr fontId="0"/>
  </si>
  <si>
    <t>平成29年度</t>
    <rPh sb="0" eb="2">
      <t>ヘイセイ</t>
    </rPh>
    <rPh sb="4" eb="6">
      <t>ネンド</t>
    </rPh>
    <phoneticPr fontId="0"/>
  </si>
  <si>
    <t>第７－２表  経理状況(歳出)－４</t>
    <phoneticPr fontId="0"/>
  </si>
  <si>
    <t>財政安定化基金拠出金</t>
    <rPh sb="0" eb="7">
      <t>ザイセイアンテイカキキン</t>
    </rPh>
    <rPh sb="7" eb="10">
      <t>キョシュツキン</t>
    </rPh>
    <phoneticPr fontId="0"/>
  </si>
  <si>
    <t>保険給付費等交付金償還金</t>
    <rPh sb="0" eb="9">
      <t>ホケンキュウフヒトウコウフキン</t>
    </rPh>
    <rPh sb="9" eb="12">
      <t>ショウカンキン</t>
    </rPh>
    <phoneticPr fontId="0"/>
  </si>
  <si>
    <t>-</t>
    <phoneticPr fontId="0"/>
  </si>
  <si>
    <t>-</t>
    <phoneticPr fontId="6"/>
  </si>
  <si>
    <t>-</t>
    <phoneticPr fontId="6"/>
  </si>
  <si>
    <t>-</t>
    <phoneticPr fontId="6"/>
  </si>
  <si>
    <t>都道府県繰入金</t>
    <rPh sb="0" eb="4">
      <t>トドウフケン</t>
    </rPh>
    <rPh sb="4" eb="6">
      <t>クリイレ</t>
    </rPh>
    <rPh sb="6" eb="7">
      <t>キン</t>
    </rPh>
    <phoneticPr fontId="0"/>
  </si>
  <si>
    <t>職員給与等繰入金</t>
    <rPh sb="0" eb="2">
      <t>ショクイン</t>
    </rPh>
    <rPh sb="2" eb="4">
      <t>キュウヨ</t>
    </rPh>
    <rPh sb="4" eb="5">
      <t>トウ</t>
    </rPh>
    <rPh sb="5" eb="7">
      <t>クリイレ</t>
    </rPh>
    <rPh sb="7" eb="8">
      <t>キン</t>
    </rPh>
    <phoneticPr fontId="0"/>
  </si>
  <si>
    <t>高額医療費負担金繰入金</t>
    <rPh sb="0" eb="2">
      <t>コウガク</t>
    </rPh>
    <rPh sb="2" eb="5">
      <t>イリョウヒ</t>
    </rPh>
    <rPh sb="5" eb="7">
      <t>フタン</t>
    </rPh>
    <rPh sb="7" eb="8">
      <t>キン</t>
    </rPh>
    <rPh sb="8" eb="10">
      <t>クリイレ</t>
    </rPh>
    <rPh sb="10" eb="11">
      <t>キン</t>
    </rPh>
    <phoneticPr fontId="0"/>
  </si>
  <si>
    <t>特定健康診査等負担金繰入金</t>
    <rPh sb="0" eb="2">
      <t>トクテイ</t>
    </rPh>
    <rPh sb="2" eb="4">
      <t>ケンコウ</t>
    </rPh>
    <rPh sb="4" eb="6">
      <t>シンサ</t>
    </rPh>
    <rPh sb="6" eb="7">
      <t>トウ</t>
    </rPh>
    <rPh sb="7" eb="10">
      <t>フタンキン</t>
    </rPh>
    <rPh sb="10" eb="12">
      <t>クリイレ</t>
    </rPh>
    <rPh sb="12" eb="13">
      <t>キン</t>
    </rPh>
    <phoneticPr fontId="0"/>
  </si>
  <si>
    <t>財政安定化基金支出金繰入金</t>
    <rPh sb="0" eb="2">
      <t>ザイセイ</t>
    </rPh>
    <rPh sb="2" eb="5">
      <t>アンテイカ</t>
    </rPh>
    <rPh sb="5" eb="7">
      <t>キキン</t>
    </rPh>
    <rPh sb="7" eb="9">
      <t>シシュツ</t>
    </rPh>
    <rPh sb="9" eb="10">
      <t>キン</t>
    </rPh>
    <rPh sb="10" eb="12">
      <t>クリイレ</t>
    </rPh>
    <rPh sb="12" eb="13">
      <t>キン</t>
    </rPh>
    <phoneticPr fontId="0"/>
  </si>
  <si>
    <t>‐</t>
    <phoneticPr fontId="0"/>
  </si>
  <si>
    <t>‐</t>
    <phoneticPr fontId="0"/>
  </si>
  <si>
    <t>保険給付費等交付金普通交付金</t>
    <rPh sb="0" eb="14">
      <t>ホケンキュウフヒトウコウフキンフツウコウフキン</t>
    </rPh>
    <phoneticPr fontId="0"/>
  </si>
  <si>
    <t>保険者努力支援分</t>
    <rPh sb="0" eb="3">
      <t>ホケンシャ</t>
    </rPh>
    <rPh sb="3" eb="5">
      <t>ドリョク</t>
    </rPh>
    <rPh sb="5" eb="7">
      <t>シエン</t>
    </rPh>
    <rPh sb="7" eb="8">
      <t>ブン</t>
    </rPh>
    <phoneticPr fontId="0"/>
  </si>
  <si>
    <t>　特別調整交付金分</t>
    <phoneticPr fontId="6"/>
  </si>
  <si>
    <t>特別調整交付金分</t>
    <phoneticPr fontId="0"/>
  </si>
  <si>
    <t>-</t>
    <phoneticPr fontId="0"/>
  </si>
  <si>
    <t>-</t>
    <phoneticPr fontId="0"/>
  </si>
  <si>
    <t>-</t>
    <phoneticPr fontId="0"/>
  </si>
  <si>
    <t>-</t>
    <phoneticPr fontId="0"/>
  </si>
  <si>
    <t>-</t>
    <phoneticPr fontId="0"/>
  </si>
  <si>
    <t>第６－１表  国民健康保険特別会計決算状況 (歳入)（市町村・組合）</t>
    <rPh sb="27" eb="30">
      <t>シチョウソン</t>
    </rPh>
    <rPh sb="31" eb="33">
      <t>クミアイ</t>
    </rPh>
    <phoneticPr fontId="6"/>
  </si>
  <si>
    <t>第６－２表  国民健康保険特別会計決算状況 (歳出)（市町村・組合）</t>
    <rPh sb="27" eb="30">
      <t>シチョウソン</t>
    </rPh>
    <rPh sb="31" eb="33">
      <t>クミアイ</t>
    </rPh>
    <phoneticPr fontId="6"/>
  </si>
  <si>
    <t>第６－３表  国民健康保険特別会計決算収支（市町村・組合）</t>
    <rPh sb="19" eb="21">
      <t>シュウシ</t>
    </rPh>
    <rPh sb="22" eb="25">
      <t>シチョウソン</t>
    </rPh>
    <rPh sb="26" eb="28">
      <t>クミアイ</t>
    </rPh>
    <phoneticPr fontId="0"/>
  </si>
  <si>
    <t>支出</t>
    <rPh sb="0" eb="2">
      <t>シシュツ</t>
    </rPh>
    <phoneticPr fontId="0"/>
  </si>
  <si>
    <t>収入</t>
    <rPh sb="0" eb="2">
      <t>シュウニュウ</t>
    </rPh>
    <phoneticPr fontId="0"/>
  </si>
  <si>
    <t>第６－５表  国民健康保険特別会計決算収支（都道府県）</t>
    <rPh sb="19" eb="21">
      <t>シュウシ</t>
    </rPh>
    <rPh sb="22" eb="26">
      <t>トドウフケン</t>
    </rPh>
    <phoneticPr fontId="0"/>
  </si>
  <si>
    <t>元/30</t>
    <rPh sb="0" eb="1">
      <t>ガン</t>
    </rPh>
    <phoneticPr fontId="6"/>
  </si>
  <si>
    <t>30年度</t>
    <rPh sb="2" eb="4">
      <t>ネンド</t>
    </rPh>
    <phoneticPr fontId="0"/>
  </si>
  <si>
    <t>-</t>
  </si>
  <si>
    <t>令和元年度</t>
    <rPh sb="0" eb="2">
      <t>レイワ</t>
    </rPh>
    <rPh sb="2" eb="4">
      <t>ガンネン</t>
    </rPh>
    <rPh sb="4" eb="5">
      <t>ド</t>
    </rPh>
    <phoneticPr fontId="0"/>
  </si>
  <si>
    <t>令和元年度</t>
    <rPh sb="0" eb="2">
      <t>レイワ</t>
    </rPh>
    <rPh sb="2" eb="3">
      <t>ガン</t>
    </rPh>
    <phoneticPr fontId="0"/>
  </si>
  <si>
    <t>令和元年度</t>
    <rPh sb="0" eb="2">
      <t>レイワ</t>
    </rPh>
    <rPh sb="2" eb="3">
      <t>ガン</t>
    </rPh>
    <phoneticPr fontId="6"/>
  </si>
  <si>
    <t>療養給付費等負担金</t>
    <phoneticPr fontId="0"/>
  </si>
  <si>
    <t>療養給付費交付金</t>
    <phoneticPr fontId="0"/>
  </si>
  <si>
    <t>単年度収支差</t>
    <rPh sb="0" eb="1">
      <t>タン</t>
    </rPh>
    <rPh sb="1" eb="2">
      <t>トシ</t>
    </rPh>
    <rPh sb="2" eb="3">
      <t>ド</t>
    </rPh>
    <rPh sb="3" eb="4">
      <t>オサム</t>
    </rPh>
    <rPh sb="4" eb="5">
      <t>ササ</t>
    </rPh>
    <rPh sb="5" eb="6">
      <t>サ</t>
    </rPh>
    <phoneticPr fontId="0"/>
  </si>
  <si>
    <t>収支差引残</t>
    <phoneticPr fontId="0"/>
  </si>
  <si>
    <t>　　　うち財政安定化基金繰入金</t>
    <rPh sb="5" eb="7">
      <t>ザイセイ</t>
    </rPh>
    <rPh sb="7" eb="10">
      <t>アンテイカ</t>
    </rPh>
    <rPh sb="10" eb="12">
      <t>キキン</t>
    </rPh>
    <rPh sb="12" eb="14">
      <t>クリイレ</t>
    </rPh>
    <rPh sb="14" eb="15">
      <t>キン</t>
    </rPh>
    <phoneticPr fontId="0"/>
  </si>
  <si>
    <t>　　　うち財政安定化基金積立金</t>
    <rPh sb="5" eb="7">
      <t>ザイセイ</t>
    </rPh>
    <rPh sb="7" eb="10">
      <t>アンテイカ</t>
    </rPh>
    <rPh sb="10" eb="12">
      <t>キキン</t>
    </rPh>
    <rPh sb="12" eb="14">
      <t>ツミタテ</t>
    </rPh>
    <rPh sb="14" eb="15">
      <t>キン</t>
    </rPh>
    <phoneticPr fontId="0"/>
  </si>
  <si>
    <t>　　　うち次年度への繰越金</t>
    <rPh sb="5" eb="8">
      <t>ジネンド</t>
    </rPh>
    <rPh sb="10" eb="12">
      <t>クリコシ</t>
    </rPh>
    <rPh sb="12" eb="13">
      <t>キン</t>
    </rPh>
    <phoneticPr fontId="0"/>
  </si>
  <si>
    <t>　　　うち基金積立金</t>
    <rPh sb="5" eb="7">
      <t>キキン</t>
    </rPh>
    <rPh sb="7" eb="9">
      <t>ツミタテ</t>
    </rPh>
    <rPh sb="9" eb="10">
      <t>キン</t>
    </rPh>
    <phoneticPr fontId="0"/>
  </si>
  <si>
    <t xml:space="preserve">  保険給付費等交付金償還金</t>
    <rPh sb="2" eb="4">
      <t>ホケン</t>
    </rPh>
    <rPh sb="4" eb="6">
      <t>キュウフ</t>
    </rPh>
    <rPh sb="6" eb="7">
      <t>ヒ</t>
    </rPh>
    <rPh sb="7" eb="8">
      <t>トウ</t>
    </rPh>
    <rPh sb="8" eb="11">
      <t>コウフキン</t>
    </rPh>
    <rPh sb="11" eb="13">
      <t>ショウカン</t>
    </rPh>
    <rPh sb="13" eb="14">
      <t>キン</t>
    </rPh>
    <phoneticPr fontId="6"/>
  </si>
  <si>
    <t>　その他</t>
    <rPh sb="3" eb="4">
      <t>タ</t>
    </rPh>
    <phoneticPr fontId="6"/>
  </si>
  <si>
    <t>　都道府県繰入金（２号）</t>
    <rPh sb="10" eb="11">
      <t>ゴウ</t>
    </rPh>
    <phoneticPr fontId="6"/>
  </si>
  <si>
    <t>構 成 割 合</t>
    <phoneticPr fontId="6"/>
  </si>
  <si>
    <t>30年度</t>
    <rPh sb="2" eb="4">
      <t>ネンド</t>
    </rPh>
    <phoneticPr fontId="6"/>
  </si>
  <si>
    <t>市町村債
（組合債）</t>
    <rPh sb="0" eb="3">
      <t>シチョウソン</t>
    </rPh>
    <rPh sb="3" eb="4">
      <t>サイ</t>
    </rPh>
    <rPh sb="6" eb="8">
      <t>クミアイ</t>
    </rPh>
    <rPh sb="8" eb="9">
      <t>サイ</t>
    </rPh>
    <phoneticPr fontId="0"/>
  </si>
  <si>
    <t>-</t>
    <phoneticPr fontId="6"/>
  </si>
  <si>
    <t>-</t>
    <phoneticPr fontId="6"/>
  </si>
  <si>
    <t>　単　年　度　収　入　合　計</t>
    <rPh sb="1" eb="2">
      <t>タン</t>
    </rPh>
    <rPh sb="3" eb="4">
      <t>トシ</t>
    </rPh>
    <rPh sb="5" eb="6">
      <t>ド</t>
    </rPh>
    <rPh sb="7" eb="8">
      <t>オサム</t>
    </rPh>
    <rPh sb="9" eb="10">
      <t>イリ</t>
    </rPh>
    <rPh sb="11" eb="12">
      <t>ゴウ</t>
    </rPh>
    <rPh sb="13" eb="14">
      <t>ケイ</t>
    </rPh>
    <phoneticPr fontId="0"/>
  </si>
  <si>
    <t>合計</t>
    <phoneticPr fontId="0"/>
  </si>
  <si>
    <t>（注）基盤安定制度繰入金は、市町村が保険料軽減等のため実際に繰入した額であり、負担金算定上の金額（第12表）とは一致しない</t>
    <rPh sb="1" eb="2">
      <t>チュウ</t>
    </rPh>
    <rPh sb="3" eb="5">
      <t>キバン</t>
    </rPh>
    <rPh sb="5" eb="7">
      <t>アンテイ</t>
    </rPh>
    <rPh sb="7" eb="9">
      <t>セイド</t>
    </rPh>
    <rPh sb="9" eb="11">
      <t>クリイレ</t>
    </rPh>
    <rPh sb="11" eb="12">
      <t>キン</t>
    </rPh>
    <rPh sb="14" eb="17">
      <t>シチョウソン</t>
    </rPh>
    <rPh sb="18" eb="21">
      <t>ホケンリョウ</t>
    </rPh>
    <rPh sb="21" eb="23">
      <t>ケイゲン</t>
    </rPh>
    <rPh sb="23" eb="24">
      <t>トウ</t>
    </rPh>
    <rPh sb="27" eb="29">
      <t>ジッサイ</t>
    </rPh>
    <rPh sb="30" eb="32">
      <t>クリイ</t>
    </rPh>
    <rPh sb="34" eb="35">
      <t>ガク</t>
    </rPh>
    <rPh sb="39" eb="42">
      <t>フタンキン</t>
    </rPh>
    <rPh sb="42" eb="44">
      <t>サンテイ</t>
    </rPh>
    <rPh sb="44" eb="45">
      <t>ウエ</t>
    </rPh>
    <rPh sb="46" eb="48">
      <t>キンガク</t>
    </rPh>
    <rPh sb="49" eb="50">
      <t>ダイ</t>
    </rPh>
    <rPh sb="52" eb="53">
      <t>ヒョウ</t>
    </rPh>
    <rPh sb="56" eb="58">
      <t>イッチ</t>
    </rPh>
    <phoneticPr fontId="6"/>
  </si>
  <si>
    <t>　支出合計</t>
    <rPh sb="1" eb="2">
      <t>ササ</t>
    </rPh>
    <rPh sb="2" eb="3">
      <t>デ</t>
    </rPh>
    <rPh sb="3" eb="4">
      <t>ゴウ</t>
    </rPh>
    <rPh sb="4" eb="5">
      <t>ケイ</t>
    </rPh>
    <phoneticPr fontId="0"/>
  </si>
  <si>
    <t>共同事業
拠出金</t>
    <rPh sb="0" eb="2">
      <t>キョウドウ</t>
    </rPh>
    <rPh sb="2" eb="4">
      <t>ジギョウ</t>
    </rPh>
    <rPh sb="5" eb="7">
      <t>キョシュツ</t>
    </rPh>
    <rPh sb="7" eb="8">
      <t>キン</t>
    </rPh>
    <phoneticPr fontId="0"/>
  </si>
  <si>
    <t>小計（単年度収入）</t>
    <rPh sb="0" eb="2">
      <t>ショウケイ</t>
    </rPh>
    <rPh sb="3" eb="6">
      <t>タンネンド</t>
    </rPh>
    <rPh sb="6" eb="8">
      <t>シュウニュウ</t>
    </rPh>
    <phoneticPr fontId="0"/>
  </si>
  <si>
    <t>　　第６－４表  国民健康保険特別会計決算状況 (歳入)（歳出）（都道府県）</t>
    <rPh sb="29" eb="31">
      <t>サイシュツ</t>
    </rPh>
    <rPh sb="33" eb="37">
      <t>トドウフケン</t>
    </rPh>
    <phoneticPr fontId="0"/>
  </si>
  <si>
    <t>科　　目</t>
    <phoneticPr fontId="0"/>
  </si>
  <si>
    <t>科　　目</t>
    <phoneticPr fontId="0"/>
  </si>
  <si>
    <t>計</t>
    <phoneticPr fontId="0"/>
  </si>
  <si>
    <t xml:space="preserve">第７－１表 経理状況（歳入）－１  </t>
    <phoneticPr fontId="0"/>
  </si>
  <si>
    <t>第７－１表 経理状況（歳入）－２</t>
    <phoneticPr fontId="0"/>
  </si>
  <si>
    <t>第７－１表 経理状況（歳入）－３</t>
    <phoneticPr fontId="0"/>
  </si>
  <si>
    <t xml:space="preserve">第７－２表  経理状況（歳出）－１  </t>
    <phoneticPr fontId="0"/>
  </si>
  <si>
    <t>第７－２表  経理状況（歳出）－２</t>
    <phoneticPr fontId="0"/>
  </si>
  <si>
    <t>第７－２表  経理状況（歳出）－３</t>
    <phoneticPr fontId="0"/>
  </si>
  <si>
    <t>出産育児一時金
等補助金</t>
    <rPh sb="4" eb="6">
      <t>イチジ</t>
    </rPh>
    <rPh sb="6" eb="7">
      <t>キン</t>
    </rPh>
    <rPh sb="8" eb="9">
      <t>トウ</t>
    </rPh>
    <rPh sb="9" eb="12">
      <t>ホジョキン</t>
    </rPh>
    <phoneticPr fontId="0"/>
  </si>
  <si>
    <t>都道府県調整
交付金（第２号）</t>
    <rPh sb="0" eb="4">
      <t>トドウフケン</t>
    </rPh>
    <rPh sb="4" eb="6">
      <t>チョウセイ</t>
    </rPh>
    <rPh sb="7" eb="10">
      <t>コウフキン</t>
    </rPh>
    <phoneticPr fontId="0"/>
  </si>
  <si>
    <t>出産育児一時金</t>
    <rPh sb="4" eb="7">
      <t>イチジキン</t>
    </rPh>
    <phoneticPr fontId="0"/>
  </si>
  <si>
    <t>合計</t>
    <rPh sb="0" eb="1">
      <t>ゴウ</t>
    </rPh>
    <rPh sb="1" eb="2">
      <t>ケイ</t>
    </rPh>
    <phoneticPr fontId="0"/>
  </si>
  <si>
    <t>合計</t>
    <rPh sb="0" eb="2">
      <t>ゴウケイ</t>
    </rPh>
    <phoneticPr fontId="0"/>
  </si>
  <si>
    <t>後期高齢者
支援金</t>
    <rPh sb="0" eb="2">
      <t>コウキ</t>
    </rPh>
    <rPh sb="2" eb="5">
      <t>コウレイシャ</t>
    </rPh>
    <rPh sb="6" eb="9">
      <t>シエンキン</t>
    </rPh>
    <phoneticPr fontId="0"/>
  </si>
  <si>
    <t>高額医療費共同
事業拠出金</t>
    <rPh sb="0" eb="2">
      <t>コウガク</t>
    </rPh>
    <rPh sb="2" eb="5">
      <t>イリョウヒ</t>
    </rPh>
    <phoneticPr fontId="0"/>
  </si>
  <si>
    <t>保険財政共同安定化
事業拠出金</t>
    <rPh sb="0" eb="2">
      <t>ホケン</t>
    </rPh>
    <rPh sb="2" eb="4">
      <t>ザイセイ</t>
    </rPh>
    <phoneticPr fontId="0"/>
  </si>
  <si>
    <t>単年度支出合計</t>
    <rPh sb="0" eb="3">
      <t>タンネンド</t>
    </rPh>
    <rPh sb="3" eb="5">
      <t>シシュツ</t>
    </rPh>
    <rPh sb="5" eb="6">
      <t>ゴウ</t>
    </rPh>
    <rPh sb="6" eb="7">
      <t>ケイ</t>
    </rPh>
    <phoneticPr fontId="0"/>
  </si>
  <si>
    <t>共同事業拠出金</t>
    <phoneticPr fontId="0"/>
  </si>
  <si>
    <t>療養諸費</t>
    <phoneticPr fontId="0"/>
  </si>
  <si>
    <t>保険給付未払分</t>
    <phoneticPr fontId="0"/>
  </si>
  <si>
    <t>老人保健
拠出金</t>
    <phoneticPr fontId="6"/>
  </si>
  <si>
    <t>　単　年　度　支　出　合　計</t>
    <rPh sb="1" eb="2">
      <t>タン</t>
    </rPh>
    <rPh sb="3" eb="4">
      <t>トシ</t>
    </rPh>
    <rPh sb="5" eb="6">
      <t>ド</t>
    </rPh>
    <rPh sb="7" eb="8">
      <t>ササ</t>
    </rPh>
    <rPh sb="9" eb="10">
      <t>デ</t>
    </rPh>
    <rPh sb="11" eb="12">
      <t>ゴウ</t>
    </rPh>
    <rPh sb="13" eb="14">
      <t>ケイ</t>
    </rPh>
    <phoneticPr fontId="0"/>
  </si>
  <si>
    <t>後期高齢者支援金等</t>
    <rPh sb="0" eb="1">
      <t>アト</t>
    </rPh>
    <rPh sb="1" eb="2">
      <t>キ</t>
    </rPh>
    <rPh sb="2" eb="3">
      <t>タカ</t>
    </rPh>
    <rPh sb="3" eb="4">
      <t>ヨワイ</t>
    </rPh>
    <rPh sb="4" eb="5">
      <t>シャ</t>
    </rPh>
    <rPh sb="5" eb="7">
      <t>シエン</t>
    </rPh>
    <rPh sb="7" eb="8">
      <t>キン</t>
    </rPh>
    <rPh sb="8" eb="9">
      <t>トウ</t>
    </rPh>
    <phoneticPr fontId="0"/>
  </si>
  <si>
    <t>前期高齢者納付金等</t>
    <rPh sb="0" eb="1">
      <t>マエ</t>
    </rPh>
    <rPh sb="1" eb="2">
      <t>キ</t>
    </rPh>
    <rPh sb="2" eb="3">
      <t>タカ</t>
    </rPh>
    <rPh sb="3" eb="4">
      <t>ヨワイ</t>
    </rPh>
    <rPh sb="4" eb="5">
      <t>シャ</t>
    </rPh>
    <rPh sb="5" eb="8">
      <t>ノウフキン</t>
    </rPh>
    <rPh sb="8" eb="9">
      <t>トウ</t>
    </rPh>
    <phoneticPr fontId="0"/>
  </si>
  <si>
    <t>介護納付金</t>
    <rPh sb="0" eb="2">
      <t>カイゴ</t>
    </rPh>
    <rPh sb="2" eb="5">
      <t>ノウフキン</t>
    </rPh>
    <phoneticPr fontId="0"/>
  </si>
  <si>
    <t>-</t>
    <phoneticPr fontId="0"/>
  </si>
  <si>
    <t>第11表　基準総所得金額の状況－１</t>
    <rPh sb="5" eb="7">
      <t>キジュン</t>
    </rPh>
    <rPh sb="7" eb="10">
      <t>ソウショトク</t>
    </rPh>
    <rPh sb="10" eb="12">
      <t>キンガク</t>
    </rPh>
    <phoneticPr fontId="6"/>
  </si>
  <si>
    <t>第11表　基準総所得金額の状況－２</t>
    <rPh sb="5" eb="10">
      <t>キジュンソウショトク</t>
    </rPh>
    <rPh sb="10" eb="12">
      <t>キンガク</t>
    </rPh>
    <phoneticPr fontId="6"/>
  </si>
  <si>
    <t>第10表 事務費負担金（補助金）に関する調べ</t>
    <phoneticPr fontId="0"/>
  </si>
  <si>
    <t>第12表　基盤安定制度繰入金の状況－１</t>
    <rPh sb="9" eb="11">
      <t>セイド</t>
    </rPh>
    <rPh sb="11" eb="14">
      <t>クリイレキン</t>
    </rPh>
    <phoneticPr fontId="6"/>
  </si>
  <si>
    <t>第12表　基盤安定制度繰入金の状況－６</t>
    <phoneticPr fontId="0"/>
  </si>
  <si>
    <t>第12表　基盤安定制度繰入金の状況－５</t>
    <phoneticPr fontId="0"/>
  </si>
  <si>
    <t>（単位：円）</t>
    <phoneticPr fontId="0"/>
  </si>
  <si>
    <t>国庫支出金</t>
    <phoneticPr fontId="0"/>
  </si>
  <si>
    <t>県支出金</t>
    <rPh sb="0" eb="1">
      <t>ケン</t>
    </rPh>
    <rPh sb="1" eb="2">
      <t>ササ</t>
    </rPh>
    <rPh sb="2" eb="3">
      <t>デ</t>
    </rPh>
    <rPh sb="3" eb="4">
      <t>キン</t>
    </rPh>
    <phoneticPr fontId="0"/>
  </si>
  <si>
    <t>共同事業交付金</t>
    <phoneticPr fontId="0"/>
  </si>
  <si>
    <t>一般会計繰入金</t>
    <phoneticPr fontId="0"/>
  </si>
  <si>
    <t>　連　合　会　支　出　金</t>
    <rPh sb="1" eb="6">
      <t>レンゴウカイ</t>
    </rPh>
    <phoneticPr fontId="0"/>
  </si>
  <si>
    <t>　保　　険　　料　　(税)</t>
    <phoneticPr fontId="0"/>
  </si>
  <si>
    <t>　療養給付費交付金</t>
    <phoneticPr fontId="0"/>
  </si>
  <si>
    <t>　総    務    費</t>
    <phoneticPr fontId="6"/>
  </si>
  <si>
    <t>　保険財政共同安定化事業拠出金</t>
    <rPh sb="1" eb="3">
      <t>ホケン</t>
    </rPh>
    <rPh sb="3" eb="5">
      <t>ザイセイ</t>
    </rPh>
    <rPh sb="5" eb="7">
      <t>キョウドウ</t>
    </rPh>
    <rPh sb="7" eb="10">
      <t>アンテイカ</t>
    </rPh>
    <rPh sb="10" eb="12">
      <t>ジギョウ</t>
    </rPh>
    <rPh sb="12" eb="15">
      <t>キョシュツキン</t>
    </rPh>
    <phoneticPr fontId="0"/>
  </si>
  <si>
    <t>　高額医療費共同事業拠出金</t>
    <rPh sb="1" eb="3">
      <t>コウガク</t>
    </rPh>
    <rPh sb="3" eb="6">
      <t>イリョウヒ</t>
    </rPh>
    <rPh sb="6" eb="8">
      <t>キョウドウ</t>
    </rPh>
    <rPh sb="8" eb="10">
      <t>ジギョウ</t>
    </rPh>
    <rPh sb="10" eb="13">
      <t>キョシュツキン</t>
    </rPh>
    <phoneticPr fontId="0"/>
  </si>
  <si>
    <t>　介護納付金</t>
    <rPh sb="1" eb="3">
      <t>カイゴ</t>
    </rPh>
    <rPh sb="3" eb="6">
      <t>ノウフキン</t>
    </rPh>
    <phoneticPr fontId="6"/>
  </si>
  <si>
    <t>　高額療養費</t>
    <phoneticPr fontId="0"/>
  </si>
  <si>
    <t>　高額介護合算療養費</t>
    <rPh sb="1" eb="3">
      <t>コウガク</t>
    </rPh>
    <rPh sb="3" eb="5">
      <t>カイゴ</t>
    </rPh>
    <rPh sb="5" eb="7">
      <t>ガッサン</t>
    </rPh>
    <rPh sb="7" eb="10">
      <t>リョウヨウヒ</t>
    </rPh>
    <phoneticPr fontId="0"/>
  </si>
  <si>
    <t>　移　 送 　費</t>
    <phoneticPr fontId="0"/>
  </si>
  <si>
    <t>　出産育児諸費</t>
    <phoneticPr fontId="0"/>
  </si>
  <si>
    <t>　葬　祭　諸　費</t>
    <rPh sb="1" eb="2">
      <t>ソウ</t>
    </rPh>
    <rPh sb="3" eb="4">
      <t>サイ</t>
    </rPh>
    <rPh sb="5" eb="6">
      <t>モロ</t>
    </rPh>
    <phoneticPr fontId="0"/>
  </si>
  <si>
    <t>　そ　 の 　他</t>
    <phoneticPr fontId="0"/>
  </si>
  <si>
    <t>　介 護 納 付 金</t>
    <phoneticPr fontId="6"/>
  </si>
  <si>
    <t>収入合計</t>
    <rPh sb="0" eb="1">
      <t>オサム</t>
    </rPh>
    <rPh sb="1" eb="2">
      <t>イリ</t>
    </rPh>
    <rPh sb="2" eb="3">
      <t>ゴウ</t>
    </rPh>
    <rPh sb="3" eb="4">
      <t>ケイ</t>
    </rPh>
    <phoneticPr fontId="0"/>
  </si>
  <si>
    <t>30/29</t>
  </si>
  <si>
    <t>２/元</t>
    <rPh sb="2" eb="3">
      <t>ガン</t>
    </rPh>
    <phoneticPr fontId="6"/>
  </si>
  <si>
    <t>元/30</t>
    <rPh sb="0" eb="1">
      <t>ガン</t>
    </rPh>
    <phoneticPr fontId="0"/>
  </si>
  <si>
    <t>２年度</t>
    <rPh sb="1" eb="2">
      <t>ド</t>
    </rPh>
    <phoneticPr fontId="6"/>
  </si>
  <si>
    <t>元年度</t>
    <rPh sb="0" eb="1">
      <t>ガン</t>
    </rPh>
    <rPh sb="1" eb="3">
      <t>ネンド</t>
    </rPh>
    <phoneticPr fontId="0"/>
  </si>
  <si>
    <t>令和２年度</t>
    <phoneticPr fontId="6"/>
  </si>
  <si>
    <t>平成元年度</t>
    <rPh sb="0" eb="2">
      <t>ヘイセイ</t>
    </rPh>
    <rPh sb="2" eb="3">
      <t>ガン</t>
    </rPh>
    <rPh sb="3" eb="5">
      <t>ネンド</t>
    </rPh>
    <phoneticPr fontId="0"/>
  </si>
  <si>
    <t>令和２年度</t>
    <phoneticPr fontId="6"/>
  </si>
  <si>
    <t>元年度</t>
    <rPh sb="0" eb="1">
      <t>ガン</t>
    </rPh>
    <rPh sb="1" eb="3">
      <t>ネンド</t>
    </rPh>
    <phoneticPr fontId="6"/>
  </si>
  <si>
    <t>２年度</t>
    <rPh sb="1" eb="3">
      <t>ネンド</t>
    </rPh>
    <phoneticPr fontId="6"/>
  </si>
  <si>
    <t>30/29</t>
    <phoneticPr fontId="0"/>
  </si>
  <si>
    <t>平成30年度</t>
  </si>
  <si>
    <t>(円)</t>
    <phoneticPr fontId="6"/>
  </si>
  <si>
    <t>令和２年度</t>
    <rPh sb="0" eb="2">
      <t>レイワ</t>
    </rPh>
    <rPh sb="3" eb="5">
      <t>ネンド</t>
    </rPh>
    <phoneticPr fontId="0"/>
  </si>
  <si>
    <t>令和２年度</t>
    <rPh sb="0" eb="2">
      <t>レイワ</t>
    </rPh>
    <rPh sb="3" eb="5">
      <t>ネンド</t>
    </rPh>
    <rPh sb="4" eb="5">
      <t>ド</t>
    </rPh>
    <phoneticPr fontId="0"/>
  </si>
  <si>
    <t>令和２年度</t>
    <rPh sb="0" eb="2">
      <t>レイワ</t>
    </rPh>
    <phoneticPr fontId="0"/>
  </si>
  <si>
    <t>令和２年度</t>
    <rPh sb="0" eb="2">
      <t>レイワ</t>
    </rPh>
    <phoneticPr fontId="6"/>
  </si>
  <si>
    <t>令和２年度
賦課期日現在
世帯数(F)</t>
    <rPh sb="0" eb="2">
      <t>レイワ</t>
    </rPh>
    <rPh sb="13" eb="15">
      <t>セタイ</t>
    </rPh>
    <rPh sb="15" eb="16">
      <t>カズ</t>
    </rPh>
    <phoneticPr fontId="0"/>
  </si>
  <si>
    <t>令和２年度
賦課期日現在
被保険者数</t>
    <rPh sb="0" eb="2">
      <t>レイワ</t>
    </rPh>
    <rPh sb="13" eb="17">
      <t>ヒホケンシャ</t>
    </rPh>
    <phoneticPr fontId="0"/>
  </si>
  <si>
    <t>令和２年度
賦課期日現在
世帯数(F)</t>
    <rPh sb="0" eb="2">
      <t>レイワ</t>
    </rPh>
    <phoneticPr fontId="0"/>
  </si>
  <si>
    <t>令和２年度
賦課期日現在
被保険者数</t>
    <rPh sb="0" eb="2">
      <t>レイワ</t>
    </rPh>
    <phoneticPr fontId="0"/>
  </si>
  <si>
    <t>-</t>
    <phoneticPr fontId="6"/>
  </si>
  <si>
    <t>-</t>
    <phoneticPr fontId="6"/>
  </si>
  <si>
    <t>令和２年度</t>
    <rPh sb="0" eb="1">
      <t>レイ</t>
    </rPh>
    <rPh sb="1" eb="2">
      <t>ワ</t>
    </rPh>
    <rPh sb="3" eb="5">
      <t>ネンド</t>
    </rPh>
    <phoneticPr fontId="6"/>
  </si>
  <si>
    <t>-</t>
    <phoneticPr fontId="0"/>
  </si>
  <si>
    <t>（注１）収納率は、居所不明者分調定額を控除した調定額を用いて算出している。</t>
    <rPh sb="0" eb="1">
      <t>チュウ</t>
    </rPh>
    <rPh sb="3" eb="5">
      <t>シュウノウ</t>
    </rPh>
    <rPh sb="5" eb="6">
      <t>リツ</t>
    </rPh>
    <rPh sb="8" eb="10">
      <t>キョショ</t>
    </rPh>
    <rPh sb="10" eb="12">
      <t>フメイ</t>
    </rPh>
    <rPh sb="12" eb="13">
      <t>シャ</t>
    </rPh>
    <rPh sb="13" eb="14">
      <t>ブン</t>
    </rPh>
    <rPh sb="14" eb="17">
      <t>チョウテイガク</t>
    </rPh>
    <rPh sb="18" eb="20">
      <t>コウジョ</t>
    </rPh>
    <rPh sb="22" eb="25">
      <t>チョウテイガク</t>
    </rPh>
    <rPh sb="26" eb="27">
      <t>モチ</t>
    </rPh>
    <rPh sb="29" eb="31">
      <t>サンシュツ</t>
    </rPh>
    <phoneticPr fontId="0"/>
  </si>
  <si>
    <t>○</t>
    <phoneticPr fontId="31"/>
  </si>
  <si>
    <t>県           計</t>
    <phoneticPr fontId="31"/>
  </si>
  <si>
    <t>組   合   計</t>
    <phoneticPr fontId="31"/>
  </si>
  <si>
    <t>4方式: 3</t>
    <rPh sb="1" eb="3">
      <t>ホウシキ</t>
    </rPh>
    <phoneticPr fontId="31"/>
  </si>
  <si>
    <t>市町村計</t>
    <phoneticPr fontId="31"/>
  </si>
  <si>
    <t>3方式:26</t>
    <rPh sb="1" eb="3">
      <t>ホウシキ</t>
    </rPh>
    <phoneticPr fontId="31"/>
  </si>
  <si>
    <t>町   村   計</t>
    <phoneticPr fontId="31"/>
  </si>
  <si>
    <t>2方式: 4</t>
    <rPh sb="1" eb="3">
      <t>ホウシキ</t>
    </rPh>
    <phoneticPr fontId="31"/>
  </si>
  <si>
    <t>市           計</t>
    <phoneticPr fontId="31"/>
  </si>
  <si>
    <t xml:space="preserve"> 建設連合</t>
  </si>
  <si>
    <t>月額保険料：3,200円</t>
    <phoneticPr fontId="32"/>
  </si>
  <si>
    <t>12</t>
  </si>
  <si>
    <t>○</t>
  </si>
  <si>
    <t xml:space="preserve"> 建設業</t>
  </si>
  <si>
    <t>月額保険料：2,500円</t>
    <rPh sb="11" eb="12">
      <t>エン</t>
    </rPh>
    <phoneticPr fontId="32"/>
  </si>
  <si>
    <t xml:space="preserve"> 薬剤師</t>
  </si>
  <si>
    <t>月額保険料：5,100円</t>
    <phoneticPr fontId="32"/>
  </si>
  <si>
    <t xml:space="preserve"> 食品衛生</t>
  </si>
  <si>
    <t>月額保険料：2,600円</t>
    <phoneticPr fontId="32"/>
  </si>
  <si>
    <t xml:space="preserve"> 歯科医師</t>
  </si>
  <si>
    <t>月額保険料：4,500円</t>
    <phoneticPr fontId="32"/>
  </si>
  <si>
    <t xml:space="preserve"> 医 師</t>
    <phoneticPr fontId="31"/>
  </si>
  <si>
    <t>月額保険料：第一種 6,000円 / 第二種 5,000 円/ 家族 5,000円</t>
    <phoneticPr fontId="32"/>
  </si>
  <si>
    <t>-</t>
    <phoneticPr fontId="19"/>
  </si>
  <si>
    <t>6月から毎月</t>
  </si>
  <si>
    <t>4月から毎月</t>
  </si>
  <si>
    <t>4/7/8/9/10/11/12/1</t>
  </si>
  <si>
    <t>4</t>
  </si>
  <si>
    <t>5月から2月の毎月</t>
  </si>
  <si>
    <t>5月、7月以降毎月</t>
    <rPh sb="1" eb="2">
      <t>ガツ</t>
    </rPh>
    <rPh sb="4" eb="7">
      <t>ガツイコウ</t>
    </rPh>
    <rPh sb="7" eb="9">
      <t>マイツキ</t>
    </rPh>
    <phoneticPr fontId="1"/>
  </si>
  <si>
    <t>4/6/8/10/12/2</t>
  </si>
  <si>
    <t>－</t>
    <phoneticPr fontId="32"/>
  </si>
  <si>
    <t>6月から毎月</t>
    <phoneticPr fontId="32"/>
  </si>
  <si>
    <t>－</t>
    <phoneticPr fontId="32"/>
  </si>
  <si>
    <t>3</t>
  </si>
  <si>
    <t>7月から毎月</t>
  </si>
  <si>
    <t xml:space="preserve"> 横浜市</t>
    <phoneticPr fontId="31"/>
  </si>
  <si>
    <t>2</t>
  </si>
  <si>
    <t xml:space="preserve"> 横浜市</t>
    <phoneticPr fontId="31"/>
  </si>
  <si>
    <t>-(D)-(E)+(F)</t>
  </si>
  <si>
    <t>(F)</t>
  </si>
  <si>
    <t>(D)</t>
  </si>
  <si>
    <t xml:space="preserve"> (C)</t>
  </si>
  <si>
    <t>(B)</t>
  </si>
  <si>
    <t>(A)</t>
  </si>
  <si>
    <t>%</t>
  </si>
  <si>
    <t>金額（千円）</t>
  </si>
  <si>
    <t>千円</t>
  </si>
  <si>
    <t>万円</t>
  </si>
  <si>
    <t>土地家屋額</t>
  </si>
  <si>
    <t>所得割額</t>
  </si>
  <si>
    <t>金額</t>
  </si>
  <si>
    <t>(A)-(B)-(C)</t>
  </si>
  <si>
    <t>超える額</t>
  </si>
  <si>
    <t>減免額</t>
  </si>
  <si>
    <t>平等割額</t>
    <phoneticPr fontId="32"/>
  </si>
  <si>
    <t>均等割額</t>
    <phoneticPr fontId="32"/>
  </si>
  <si>
    <t>資産割額</t>
    <phoneticPr fontId="32"/>
  </si>
  <si>
    <t>所得割額</t>
    <phoneticPr fontId="32"/>
  </si>
  <si>
    <t>資産割額</t>
  </si>
  <si>
    <t>限度額</t>
  </si>
  <si>
    <t>平等割</t>
  </si>
  <si>
    <t>均等割</t>
  </si>
  <si>
    <t>資産割</t>
  </si>
  <si>
    <t>所得割</t>
  </si>
  <si>
    <t>固定資産税</t>
  </si>
  <si>
    <t>そ  の  他</t>
  </si>
  <si>
    <t>市町村民税</t>
  </si>
  <si>
    <t>総所得</t>
  </si>
  <si>
    <t>収納月</t>
    <rPh sb="0" eb="2">
      <t>シュウノウ</t>
    </rPh>
    <rPh sb="2" eb="3">
      <t>ツキ</t>
    </rPh>
    <phoneticPr fontId="31"/>
  </si>
  <si>
    <t>回数</t>
    <rPh sb="0" eb="2">
      <t>カイスウ</t>
    </rPh>
    <phoneticPr fontId="31"/>
  </si>
  <si>
    <t>税</t>
  </si>
  <si>
    <t>料</t>
  </si>
  <si>
    <t>調定額</t>
    <phoneticPr fontId="31"/>
  </si>
  <si>
    <t>増減額</t>
    <phoneticPr fontId="31"/>
  </si>
  <si>
    <t>限度額を</t>
  </si>
  <si>
    <t>災害等</t>
  </si>
  <si>
    <t>軽減額</t>
    <phoneticPr fontId="31"/>
  </si>
  <si>
    <t>算定額</t>
    <phoneticPr fontId="31"/>
  </si>
  <si>
    <t>保  険  料  税  算  定  額  及  び  割  合</t>
    <phoneticPr fontId="31"/>
  </si>
  <si>
    <t>課税対象額</t>
    <phoneticPr fontId="32"/>
  </si>
  <si>
    <t>賦  課</t>
  </si>
  <si>
    <t>料  （税）  率</t>
    <rPh sb="8" eb="9">
      <t>リツ</t>
    </rPh>
    <phoneticPr fontId="31"/>
  </si>
  <si>
    <t>伸率%</t>
  </si>
  <si>
    <t>資産割基礎</t>
  </si>
  <si>
    <t xml:space="preserve"> 所   得   割   基   礎</t>
    <phoneticPr fontId="31"/>
  </si>
  <si>
    <t>収納期日及び回数</t>
    <rPh sb="0" eb="2">
      <t>シュウノウ</t>
    </rPh>
    <rPh sb="2" eb="4">
      <t>キジツ</t>
    </rPh>
    <rPh sb="4" eb="5">
      <t>オヨ</t>
    </rPh>
    <rPh sb="6" eb="8">
      <t>カイスウ</t>
    </rPh>
    <phoneticPr fontId="31"/>
  </si>
  <si>
    <t>賦課
方式</t>
    <rPh sb="3" eb="4">
      <t>ホウホウ</t>
    </rPh>
    <rPh sb="4" eb="5">
      <t>シキ</t>
    </rPh>
    <phoneticPr fontId="32"/>
  </si>
  <si>
    <t>料税の別</t>
  </si>
  <si>
    <t>3→4</t>
  </si>
  <si>
    <t>単位（千円）</t>
  </si>
  <si>
    <t>第９－３表 保険料(税)の賦課状況－２   （介護分）</t>
    <phoneticPr fontId="32"/>
  </si>
  <si>
    <t>第９－３表 保険料(税)の賦課状況－１  （介護分）</t>
    <rPh sb="22" eb="25">
      <t>カイゴブン</t>
    </rPh>
    <phoneticPr fontId="32"/>
  </si>
  <si>
    <t>○</t>
    <phoneticPr fontId="31"/>
  </si>
  <si>
    <t>（注）課税対象額は一般分＋退職分</t>
    <rPh sb="1" eb="2">
      <t>チュウ</t>
    </rPh>
    <rPh sb="3" eb="5">
      <t>カゼイ</t>
    </rPh>
    <rPh sb="5" eb="7">
      <t>タイショウ</t>
    </rPh>
    <rPh sb="7" eb="8">
      <t>ガク</t>
    </rPh>
    <rPh sb="9" eb="11">
      <t>イッパン</t>
    </rPh>
    <rPh sb="11" eb="12">
      <t>ブン</t>
    </rPh>
    <rPh sb="13" eb="15">
      <t>タイショク</t>
    </rPh>
    <rPh sb="15" eb="16">
      <t>ブン</t>
    </rPh>
    <phoneticPr fontId="31"/>
  </si>
  <si>
    <t>県           計</t>
    <phoneticPr fontId="31"/>
  </si>
  <si>
    <t>組   合   計</t>
    <phoneticPr fontId="31"/>
  </si>
  <si>
    <t>4方式:３</t>
    <rPh sb="1" eb="3">
      <t>ホウシキ</t>
    </rPh>
    <phoneticPr fontId="31"/>
  </si>
  <si>
    <t>市町村計</t>
    <phoneticPr fontId="31"/>
  </si>
  <si>
    <t>町   村   計</t>
    <phoneticPr fontId="31"/>
  </si>
  <si>
    <t>市           計</t>
    <phoneticPr fontId="31"/>
  </si>
  <si>
    <t xml:space="preserve">月額保険料：組合員（年齢と所得に応じて） 2,800～11,200円 </t>
    <rPh sb="10" eb="12">
      <t>ネンレイ</t>
    </rPh>
    <phoneticPr fontId="31"/>
  </si>
  <si>
    <t>○</t>
    <phoneticPr fontId="35"/>
  </si>
  <si>
    <t xml:space="preserve">月額保険料：3,300円 </t>
    <phoneticPr fontId="31"/>
  </si>
  <si>
    <t>○</t>
    <phoneticPr fontId="35"/>
  </si>
  <si>
    <t>月額保険料：4,400円</t>
    <phoneticPr fontId="31"/>
  </si>
  <si>
    <t xml:space="preserve">月額保険料：2,900円 </t>
    <phoneticPr fontId="31"/>
  </si>
  <si>
    <t>月額保険料：第一種 6,300円 / 第二種 5,200 円/ 第三種 3,900円 / 家族 2,600円</t>
    <rPh sb="45" eb="47">
      <t>カゾク</t>
    </rPh>
    <phoneticPr fontId="31"/>
  </si>
  <si>
    <t xml:space="preserve"> 医 師</t>
    <phoneticPr fontId="31"/>
  </si>
  <si>
    <t>月額保険料：第一種 5,000 円/ 第二種 5,000 円/ 家族 3,000円</t>
    <rPh sb="16" eb="17">
      <t>エン</t>
    </rPh>
    <rPh sb="32" eb="34">
      <t>カゾク</t>
    </rPh>
    <phoneticPr fontId="31"/>
  </si>
  <si>
    <t>6月から毎月</t>
    <phoneticPr fontId="35"/>
  </si>
  <si>
    <t xml:space="preserve"> 横浜市</t>
    <rPh sb="1" eb="3">
      <t>ヨコハマ</t>
    </rPh>
    <phoneticPr fontId="35"/>
  </si>
  <si>
    <t xml:space="preserve"> 横浜市</t>
    <phoneticPr fontId="31"/>
  </si>
  <si>
    <t>平等割額</t>
    <phoneticPr fontId="32"/>
  </si>
  <si>
    <t>資産割額</t>
    <phoneticPr fontId="32"/>
  </si>
  <si>
    <t>調定額</t>
    <phoneticPr fontId="31"/>
  </si>
  <si>
    <t>増減額</t>
    <phoneticPr fontId="31"/>
  </si>
  <si>
    <t>軽減額</t>
    <phoneticPr fontId="31"/>
  </si>
  <si>
    <t>算定額</t>
    <phoneticPr fontId="31"/>
  </si>
  <si>
    <t>保  険  料  税  算  定  額  及  び  割  合</t>
    <phoneticPr fontId="31"/>
  </si>
  <si>
    <t>課税対象額</t>
    <phoneticPr fontId="32"/>
  </si>
  <si>
    <t xml:space="preserve"> 所   得   割   基   礎</t>
    <phoneticPr fontId="31"/>
  </si>
  <si>
    <t>第９－２表 保険料(税)の賦課状況－２   （後期高齢者支援分）</t>
    <rPh sb="23" eb="25">
      <t>コウキ</t>
    </rPh>
    <rPh sb="25" eb="28">
      <t>コウレイシャ</t>
    </rPh>
    <rPh sb="28" eb="30">
      <t>シエン</t>
    </rPh>
    <phoneticPr fontId="32"/>
  </si>
  <si>
    <t>第９－２表 保険料(税)の賦課状況－１  （後期高齢者支援分）</t>
    <rPh sb="22" eb="24">
      <t>コウキ</t>
    </rPh>
    <rPh sb="24" eb="27">
      <t>コウレイシャ</t>
    </rPh>
    <rPh sb="27" eb="29">
      <t>シエン</t>
    </rPh>
    <rPh sb="29" eb="30">
      <t>ブン</t>
    </rPh>
    <phoneticPr fontId="32"/>
  </si>
  <si>
    <t>－</t>
    <phoneticPr fontId="31"/>
  </si>
  <si>
    <t>－</t>
    <phoneticPr fontId="31"/>
  </si>
  <si>
    <t>－</t>
    <phoneticPr fontId="31"/>
  </si>
  <si>
    <t>市町村計</t>
    <phoneticPr fontId="31"/>
  </si>
  <si>
    <t>3方式:28</t>
    <rPh sb="1" eb="3">
      <t>ホウシキ</t>
    </rPh>
    <phoneticPr fontId="31"/>
  </si>
  <si>
    <t>町   村   計</t>
    <phoneticPr fontId="31"/>
  </si>
  <si>
    <t>2方式:２</t>
    <rPh sb="1" eb="3">
      <t>ホウシキ</t>
    </rPh>
    <phoneticPr fontId="31"/>
  </si>
  <si>
    <t>市           計</t>
    <phoneticPr fontId="31"/>
  </si>
  <si>
    <t>月額保険料：組合員（年齢と所得に応じて） 6,100～43,400円 / 家族 2,500円</t>
    <rPh sb="10" eb="12">
      <t>ネンレイ</t>
    </rPh>
    <phoneticPr fontId="31"/>
  </si>
  <si>
    <t>月額保険料：事業主及び組合員（年齢と等級に応じて） 10,900～27,200 円/ 家族 2,700～3,400円</t>
    <rPh sb="9" eb="10">
      <t>オヨ</t>
    </rPh>
    <rPh sb="11" eb="13">
      <t>クミアイ</t>
    </rPh>
    <rPh sb="18" eb="20">
      <t>トウキュウ</t>
    </rPh>
    <phoneticPr fontId="31"/>
  </si>
  <si>
    <t>第一種 25,000円 / 第二種 19,000円 / 第三種　15,000円　/　第四種　1,000円
家族(18歳以上） 7,000円/　家族（18歳未満）5,000円</t>
    <phoneticPr fontId="31"/>
  </si>
  <si>
    <t>月額保険料：</t>
    <phoneticPr fontId="31"/>
  </si>
  <si>
    <t>月額保険料：第一種11,800円 / その他9,300 円</t>
    <rPh sb="21" eb="22">
      <t>タ</t>
    </rPh>
    <phoneticPr fontId="31"/>
  </si>
  <si>
    <t>月額保険料：第一種 25,000円 / 第二種 18,500 円/ 第三種 12,500円 / 家族 8,000円</t>
    <rPh sb="48" eb="50">
      <t>カゾク</t>
    </rPh>
    <phoneticPr fontId="31"/>
  </si>
  <si>
    <t>月額保険料：第一種（所得に応じて）15,000円～32,000円 / 第二種 11,000 円/ 家族 9,000円</t>
    <rPh sb="10" eb="12">
      <t>ショトク</t>
    </rPh>
    <rPh sb="13" eb="14">
      <t>オウ</t>
    </rPh>
    <rPh sb="31" eb="32">
      <t>エン</t>
    </rPh>
    <rPh sb="49" eb="51">
      <t>カゾク</t>
    </rPh>
    <phoneticPr fontId="31"/>
  </si>
  <si>
    <t>－</t>
    <phoneticPr fontId="31"/>
  </si>
  <si>
    <t>－</t>
    <phoneticPr fontId="31"/>
  </si>
  <si>
    <t>6月から毎月</t>
    <phoneticPr fontId="31"/>
  </si>
  <si>
    <t xml:space="preserve"> 横浜市</t>
    <phoneticPr fontId="31"/>
  </si>
  <si>
    <t>万円</t>
    <rPh sb="0" eb="2">
      <t>マンエン</t>
    </rPh>
    <phoneticPr fontId="31"/>
  </si>
  <si>
    <t>超える額</t>
    <rPh sb="0" eb="1">
      <t>コ</t>
    </rPh>
    <phoneticPr fontId="31"/>
  </si>
  <si>
    <t>平等割額</t>
    <phoneticPr fontId="31"/>
  </si>
  <si>
    <t>均等割額</t>
    <phoneticPr fontId="31"/>
  </si>
  <si>
    <t>資産割額</t>
    <phoneticPr fontId="31"/>
  </si>
  <si>
    <t>所得割額</t>
    <phoneticPr fontId="31"/>
  </si>
  <si>
    <t>調定額</t>
    <phoneticPr fontId="31"/>
  </si>
  <si>
    <t>増減額</t>
    <rPh sb="0" eb="3">
      <t>ゾウゲンガク</t>
    </rPh>
    <phoneticPr fontId="31"/>
  </si>
  <si>
    <t>軽減額</t>
    <phoneticPr fontId="31"/>
  </si>
  <si>
    <t>算定額</t>
    <phoneticPr fontId="31"/>
  </si>
  <si>
    <t>保  険  料  税  算  定  額  及  び  割  合</t>
    <phoneticPr fontId="31"/>
  </si>
  <si>
    <t>課税対象額</t>
    <phoneticPr fontId="31"/>
  </si>
  <si>
    <t xml:space="preserve"> 所   得   割   基   礎</t>
    <phoneticPr fontId="31"/>
  </si>
  <si>
    <t>賦課
方式</t>
    <rPh sb="3" eb="4">
      <t>ホウホウ</t>
    </rPh>
    <rPh sb="4" eb="5">
      <t>シキ</t>
    </rPh>
    <phoneticPr fontId="31"/>
  </si>
  <si>
    <t>単位（千円）</t>
    <phoneticPr fontId="31"/>
  </si>
  <si>
    <t>第９－１表 保険料(税)の賦課状況－２   （医療分）</t>
    <phoneticPr fontId="31"/>
  </si>
  <si>
    <t>第９－１表 保険料(税)の賦課状況－１  （医療分）</t>
    <phoneticPr fontId="3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176" formatCode="0.000"/>
    <numFmt numFmtId="177" formatCode="#,##0_ ;[Red]\-#,##0\ "/>
    <numFmt numFmtId="178" formatCode="#,##0_);[Red]\(#,##0\)"/>
    <numFmt numFmtId="179" formatCode="0.0%"/>
    <numFmt numFmtId="180" formatCode="#,##0;&quot;△ &quot;#,##0"/>
    <numFmt numFmtId="181" formatCode="#,###.0%;&quot;△ &quot;#,###.0%"/>
  </numFmts>
  <fonts count="38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4"/>
      <name val="Terminal"/>
      <family val="3"/>
      <charset val="255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8"/>
      <color indexed="10"/>
      <name val="ＭＳ Ｐゴシック"/>
      <family val="3"/>
      <charset val="128"/>
    </font>
    <font>
      <u/>
      <sz val="8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name val="ＭＳ Ｐゴシック"/>
      <family val="3"/>
      <charset val="128"/>
    </font>
    <font>
      <u/>
      <sz val="9"/>
      <name val="ＭＳ Ｐゴシック"/>
      <family val="3"/>
      <charset val="128"/>
    </font>
    <font>
      <sz val="9"/>
      <color indexed="12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8.5"/>
      <name val="ＭＳ Ｐゴシック"/>
      <family val="3"/>
      <charset val="128"/>
    </font>
    <font>
      <sz val="7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9"/>
      <name val="ＭＳ ゴシック"/>
      <family val="3"/>
      <charset val="128"/>
    </font>
    <font>
      <sz val="8"/>
      <color theme="3" tint="0.59999389629810485"/>
      <name val="ＭＳ Ｐゴシック"/>
      <family val="3"/>
      <charset val="128"/>
    </font>
    <font>
      <sz val="8"/>
      <color rgb="FFFF0000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i/>
      <sz val="8"/>
      <name val="ＭＳ Ｐゴシック"/>
      <family val="3"/>
      <charset val="128"/>
    </font>
    <font>
      <b/>
      <sz val="8"/>
      <color rgb="FFFF0000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9"/>
      <color theme="1"/>
      <name val="ＭＳ ゴシック"/>
      <family val="3"/>
      <charset val="128"/>
    </font>
    <font>
      <sz val="10"/>
      <color theme="1"/>
      <name val="ＭＳ Ｐゴシック"/>
      <family val="3"/>
      <charset val="128"/>
    </font>
    <font>
      <sz val="9"/>
      <color indexed="48"/>
      <name val="ＭＳ Ｐゴシック"/>
      <family val="3"/>
      <charset val="128"/>
    </font>
    <font>
      <sz val="6"/>
      <name val="ＭＳ Ｐ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Ｐゴシック"/>
      <family val="3"/>
      <charset val="128"/>
      <scheme val="major"/>
    </font>
    <font>
      <u/>
      <sz val="9"/>
      <color indexed="4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58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8"/>
      </left>
      <right/>
      <top/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double">
        <color indexed="64"/>
      </bottom>
      <diagonal/>
    </border>
    <border>
      <left style="hair">
        <color indexed="64"/>
      </left>
      <right/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dotted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/>
      <right style="medium">
        <color indexed="8"/>
      </right>
      <top/>
      <bottom style="double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 style="medium">
        <color indexed="8"/>
      </right>
      <top style="thin">
        <color indexed="8"/>
      </top>
      <bottom style="double">
        <color indexed="64"/>
      </bottom>
      <diagonal/>
    </border>
    <border>
      <left/>
      <right style="medium">
        <color indexed="8"/>
      </right>
      <top style="thin">
        <color indexed="8"/>
      </top>
      <bottom/>
      <diagonal/>
    </border>
    <border>
      <left/>
      <right style="medium">
        <color indexed="8"/>
      </right>
      <top/>
      <bottom/>
      <diagonal/>
    </border>
    <border>
      <left style="thin">
        <color indexed="64"/>
      </left>
      <right style="thin">
        <color indexed="8"/>
      </right>
      <top style="double">
        <color indexed="64"/>
      </top>
      <bottom style="thin">
        <color indexed="64"/>
      </bottom>
      <diagonal/>
    </border>
    <border>
      <left style="thin">
        <color indexed="8"/>
      </left>
      <right/>
      <top style="double">
        <color indexed="8"/>
      </top>
      <bottom/>
      <diagonal/>
    </border>
  </borders>
  <cellStyleXfs count="17">
    <xf numFmtId="0" fontId="0" fillId="0" borderId="0"/>
    <xf numFmtId="9" fontId="4" fillId="0" borderId="0" applyFont="0" applyFill="0" applyBorder="0" applyAlignment="0" applyProtection="0"/>
    <xf numFmtId="38" fontId="4" fillId="0" borderId="0" applyFont="0" applyFill="0" applyBorder="0" applyAlignment="0" applyProtection="0"/>
    <xf numFmtId="37" fontId="5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4" fillId="0" borderId="0"/>
    <xf numFmtId="0" fontId="3" fillId="0" borderId="0">
      <alignment vertical="center"/>
    </xf>
    <xf numFmtId="0" fontId="4" fillId="0" borderId="0"/>
    <xf numFmtId="9" fontId="4" fillId="0" borderId="0" applyFont="0" applyFill="0" applyBorder="0" applyAlignment="0" applyProtection="0"/>
    <xf numFmtId="38" fontId="4" fillId="0" borderId="0" applyFont="0" applyFill="0" applyBorder="0" applyAlignment="0" applyProtection="0"/>
    <xf numFmtId="0" fontId="2" fillId="0" borderId="0">
      <alignment vertical="center"/>
    </xf>
    <xf numFmtId="37" fontId="5" fillId="0" borderId="0"/>
    <xf numFmtId="0" fontId="33" fillId="0" borderId="0"/>
    <xf numFmtId="38" fontId="33" fillId="0" borderId="0" applyFont="0" applyFill="0" applyBorder="0" applyAlignment="0" applyProtection="0"/>
  </cellStyleXfs>
  <cellXfs count="1819">
    <xf numFmtId="0" fontId="0" fillId="0" borderId="0" xfId="0"/>
    <xf numFmtId="0" fontId="4" fillId="0" borderId="0" xfId="8" applyFont="1" applyBorder="1" applyAlignment="1" applyProtection="1">
      <alignment horizontal="left" vertical="center"/>
    </xf>
    <xf numFmtId="38" fontId="7" fillId="0" borderId="0" xfId="2" applyFont="1" applyBorder="1" applyAlignment="1">
      <alignment vertical="center"/>
    </xf>
    <xf numFmtId="38" fontId="7" fillId="0" borderId="0" xfId="2" applyFont="1" applyBorder="1"/>
    <xf numFmtId="0" fontId="7" fillId="0" borderId="0" xfId="8" applyFont="1" applyBorder="1" applyAlignment="1" applyProtection="1">
      <alignment horizontal="left" vertical="center"/>
    </xf>
    <xf numFmtId="0" fontId="7" fillId="0" borderId="0" xfId="8" applyFont="1" applyBorder="1" applyAlignment="1">
      <alignment vertical="center"/>
    </xf>
    <xf numFmtId="0" fontId="7" fillId="0" borderId="0" xfId="8" applyFont="1" applyAlignment="1">
      <alignment vertical="center"/>
    </xf>
    <xf numFmtId="0" fontId="9" fillId="0" borderId="0" xfId="8" applyFont="1" applyBorder="1" applyAlignment="1" applyProtection="1">
      <alignment vertical="center"/>
    </xf>
    <xf numFmtId="0" fontId="7" fillId="0" borderId="0" xfId="8" applyFont="1"/>
    <xf numFmtId="0" fontId="11" fillId="0" borderId="0" xfId="0" applyFont="1" applyFill="1"/>
    <xf numFmtId="37" fontId="11" fillId="0" borderId="22" xfId="3" quotePrefix="1" applyFont="1" applyFill="1" applyBorder="1" applyAlignment="1" applyProtection="1">
      <alignment horizontal="center" shrinkToFit="1"/>
    </xf>
    <xf numFmtId="37" fontId="11" fillId="0" borderId="18" xfId="3" applyFont="1" applyFill="1" applyBorder="1" applyAlignment="1" applyProtection="1">
      <alignment horizontal="right"/>
    </xf>
    <xf numFmtId="37" fontId="11" fillId="0" borderId="49" xfId="3" applyFont="1" applyFill="1" applyBorder="1" applyAlignment="1" applyProtection="1">
      <alignment horizontal="centerContinuous" vertical="center"/>
    </xf>
    <xf numFmtId="0" fontId="11" fillId="0" borderId="49" xfId="0" applyFont="1" applyFill="1" applyBorder="1" applyAlignment="1">
      <alignment horizontal="centerContinuous" vertical="center"/>
    </xf>
    <xf numFmtId="37" fontId="11" fillId="0" borderId="49" xfId="3" quotePrefix="1" applyFont="1" applyFill="1" applyBorder="1" applyAlignment="1" applyProtection="1">
      <alignment horizontal="distributed" justifyLastLine="1"/>
    </xf>
    <xf numFmtId="37" fontId="11" fillId="0" borderId="22" xfId="3" quotePrefix="1" applyFont="1" applyFill="1" applyBorder="1" applyAlignment="1" applyProtection="1">
      <alignment horizontal="right"/>
    </xf>
    <xf numFmtId="37" fontId="11" fillId="0" borderId="34" xfId="3" quotePrefix="1" applyFont="1" applyFill="1" applyBorder="1" applyAlignment="1" applyProtection="1">
      <alignment horizontal="left"/>
    </xf>
    <xf numFmtId="37" fontId="11" fillId="0" borderId="38" xfId="3" quotePrefix="1" applyFont="1" applyFill="1" applyBorder="1" applyAlignment="1" applyProtection="1">
      <alignment horizontal="right"/>
    </xf>
    <xf numFmtId="37" fontId="11" fillId="0" borderId="34" xfId="3" quotePrefix="1" applyFont="1" applyFill="1" applyBorder="1" applyAlignment="1" applyProtection="1">
      <alignment horizontal="center"/>
    </xf>
    <xf numFmtId="37" fontId="11" fillId="0" borderId="50" xfId="3" quotePrefix="1" applyFont="1" applyFill="1" applyBorder="1" applyAlignment="1" applyProtection="1">
      <alignment horizontal="left"/>
    </xf>
    <xf numFmtId="37" fontId="11" fillId="0" borderId="27" xfId="3" quotePrefix="1" applyFont="1" applyFill="1" applyBorder="1" applyAlignment="1" applyProtection="1">
      <alignment horizontal="center" shrinkToFit="1"/>
    </xf>
    <xf numFmtId="37" fontId="11" fillId="0" borderId="34" xfId="3" quotePrefix="1" applyFont="1" applyFill="1" applyBorder="1" applyAlignment="1" applyProtection="1">
      <alignment horizontal="center" shrinkToFit="1"/>
    </xf>
    <xf numFmtId="37" fontId="11" fillId="0" borderId="0" xfId="3" quotePrefix="1" applyFont="1" applyFill="1" applyBorder="1" applyAlignment="1" applyProtection="1">
      <alignment horizontal="center"/>
    </xf>
    <xf numFmtId="37" fontId="11" fillId="0" borderId="0" xfId="3" quotePrefix="1" applyFont="1" applyFill="1" applyBorder="1" applyAlignment="1" applyProtection="1">
      <alignment horizontal="right"/>
    </xf>
    <xf numFmtId="49" fontId="11" fillId="0" borderId="34" xfId="3" applyNumberFormat="1" applyFont="1" applyFill="1" applyBorder="1" applyAlignment="1" applyProtection="1">
      <alignment horizontal="left"/>
    </xf>
    <xf numFmtId="0" fontId="10" fillId="0" borderId="0" xfId="7" applyFont="1" applyAlignment="1">
      <alignment vertical="center"/>
    </xf>
    <xf numFmtId="37" fontId="11" fillId="0" borderId="0" xfId="3" applyFont="1" applyFill="1"/>
    <xf numFmtId="37" fontId="4" fillId="0" borderId="0" xfId="3" applyFont="1" applyFill="1"/>
    <xf numFmtId="37" fontId="9" fillId="0" borderId="0" xfId="3" applyFont="1" applyFill="1" applyAlignment="1" applyProtection="1">
      <alignment horizontal="left"/>
    </xf>
    <xf numFmtId="37" fontId="7" fillId="0" borderId="10" xfId="3" applyFont="1" applyFill="1" applyBorder="1"/>
    <xf numFmtId="37" fontId="7" fillId="0" borderId="0" xfId="3" applyFont="1" applyFill="1"/>
    <xf numFmtId="37" fontId="11" fillId="0" borderId="18" xfId="3" applyFont="1" applyFill="1" applyBorder="1" applyAlignment="1" applyProtection="1">
      <alignment horizontal="center"/>
    </xf>
    <xf numFmtId="37" fontId="11" fillId="0" borderId="19" xfId="3" applyFont="1" applyFill="1" applyBorder="1" applyAlignment="1" applyProtection="1">
      <alignment horizontal="center"/>
    </xf>
    <xf numFmtId="37" fontId="11" fillId="0" borderId="21" xfId="3" applyFont="1" applyFill="1" applyBorder="1" applyProtection="1"/>
    <xf numFmtId="37" fontId="11" fillId="0" borderId="40" xfId="3" applyFont="1" applyFill="1" applyBorder="1" applyAlignment="1" applyProtection="1">
      <alignment horizontal="left"/>
    </xf>
    <xf numFmtId="37" fontId="11" fillId="0" borderId="21" xfId="3" applyFont="1" applyFill="1" applyBorder="1" applyAlignment="1" applyProtection="1">
      <alignment horizontal="left"/>
    </xf>
    <xf numFmtId="0" fontId="11" fillId="0" borderId="71" xfId="8" applyFont="1" applyBorder="1" applyAlignment="1">
      <alignment vertical="center"/>
    </xf>
    <xf numFmtId="0" fontId="11" fillId="0" borderId="65" xfId="8" applyFont="1" applyBorder="1" applyAlignment="1">
      <alignment vertical="center"/>
    </xf>
    <xf numFmtId="0" fontId="11" fillId="0" borderId="0" xfId="8" applyFont="1" applyAlignment="1" applyProtection="1">
      <alignment horizontal="left" vertical="center"/>
    </xf>
    <xf numFmtId="0" fontId="11" fillId="0" borderId="0" xfId="8" applyFont="1" applyAlignment="1">
      <alignment vertical="center"/>
    </xf>
    <xf numFmtId="10" fontId="11" fillId="0" borderId="0" xfId="8" applyNumberFormat="1" applyFont="1" applyAlignment="1" applyProtection="1">
      <alignment vertical="center"/>
    </xf>
    <xf numFmtId="37" fontId="11" fillId="0" borderId="10" xfId="3" applyFont="1" applyFill="1" applyBorder="1" applyAlignment="1">
      <alignment horizontal="right"/>
    </xf>
    <xf numFmtId="37" fontId="11" fillId="0" borderId="51" xfId="3" applyFont="1" applyFill="1" applyBorder="1" applyAlignment="1" applyProtection="1">
      <alignment horizontal="distributed" justifyLastLine="1"/>
    </xf>
    <xf numFmtId="38" fontId="7" fillId="0" borderId="0" xfId="2" applyFont="1" applyFill="1" applyBorder="1" applyAlignment="1">
      <alignment vertical="center"/>
    </xf>
    <xf numFmtId="0" fontId="11" fillId="0" borderId="21" xfId="0" applyFont="1" applyFill="1" applyBorder="1" applyAlignment="1" applyProtection="1"/>
    <xf numFmtId="37" fontId="11" fillId="0" borderId="49" xfId="3" quotePrefix="1" applyFont="1" applyFill="1" applyBorder="1" applyAlignment="1">
      <alignment horizontal="center" vertical="center"/>
    </xf>
    <xf numFmtId="37" fontId="11" fillId="0" borderId="23" xfId="3" applyFont="1" applyFill="1" applyBorder="1" applyAlignment="1" applyProtection="1"/>
    <xf numFmtId="37" fontId="11" fillId="0" borderId="61" xfId="3" applyFont="1" applyFill="1" applyBorder="1" applyAlignment="1" applyProtection="1">
      <alignment horizontal="right"/>
    </xf>
    <xf numFmtId="37" fontId="11" fillId="0" borderId="16" xfId="3" applyFont="1" applyFill="1" applyBorder="1" applyAlignment="1" applyProtection="1">
      <alignment horizontal="right"/>
    </xf>
    <xf numFmtId="37" fontId="11" fillId="0" borderId="61" xfId="3" quotePrefix="1" applyFont="1" applyFill="1" applyBorder="1" applyAlignment="1" applyProtection="1">
      <alignment horizontal="right"/>
    </xf>
    <xf numFmtId="37" fontId="11" fillId="0" borderId="61" xfId="3" applyFont="1" applyFill="1" applyBorder="1" applyAlignment="1" applyProtection="1">
      <alignment horizontal="center"/>
    </xf>
    <xf numFmtId="37" fontId="11" fillId="0" borderId="18" xfId="3" quotePrefix="1" applyFont="1" applyFill="1" applyBorder="1" applyAlignment="1" applyProtection="1">
      <alignment horizontal="center"/>
    </xf>
    <xf numFmtId="37" fontId="11" fillId="0" borderId="66" xfId="3" quotePrefix="1" applyFont="1" applyFill="1" applyBorder="1" applyAlignment="1" applyProtection="1">
      <alignment horizontal="center"/>
    </xf>
    <xf numFmtId="37" fontId="11" fillId="0" borderId="10" xfId="3" applyFont="1" applyFill="1" applyBorder="1" applyAlignment="1" applyProtection="1"/>
    <xf numFmtId="0" fontId="11" fillId="0" borderId="24" xfId="0" applyFont="1" applyFill="1" applyBorder="1" applyAlignment="1" applyProtection="1"/>
    <xf numFmtId="38" fontId="11" fillId="0" borderId="64" xfId="2" applyFont="1" applyFill="1" applyBorder="1" applyAlignment="1" applyProtection="1">
      <alignment horizontal="left"/>
    </xf>
    <xf numFmtId="38" fontId="11" fillId="0" borderId="2" xfId="2" applyFont="1" applyFill="1" applyBorder="1" applyAlignment="1" applyProtection="1">
      <alignment horizontal="left"/>
    </xf>
    <xf numFmtId="38" fontId="11" fillId="0" borderId="19" xfId="2" applyFont="1" applyFill="1" applyBorder="1" applyAlignment="1" applyProtection="1">
      <alignment horizontal="left"/>
    </xf>
    <xf numFmtId="38" fontId="15" fillId="0" borderId="32" xfId="2" applyFont="1" applyFill="1" applyBorder="1" applyAlignment="1" applyProtection="1"/>
    <xf numFmtId="38" fontId="11" fillId="0" borderId="22" xfId="2" applyFont="1" applyFill="1" applyBorder="1" applyAlignment="1" applyProtection="1">
      <alignment horizontal="center"/>
    </xf>
    <xf numFmtId="38" fontId="11" fillId="0" borderId="18" xfId="2" applyFont="1" applyFill="1" applyBorder="1" applyAlignment="1" applyProtection="1">
      <alignment horizontal="center"/>
    </xf>
    <xf numFmtId="38" fontId="11" fillId="0" borderId="0" xfId="2" applyFont="1" applyFill="1"/>
    <xf numFmtId="0" fontId="20" fillId="0" borderId="0" xfId="7" applyFont="1" applyFill="1" applyAlignment="1">
      <alignment vertical="center"/>
    </xf>
    <xf numFmtId="37" fontId="21" fillId="0" borderId="98" xfId="3" applyFont="1" applyFill="1" applyBorder="1" applyAlignment="1" applyProtection="1">
      <alignment horizontal="left"/>
    </xf>
    <xf numFmtId="37" fontId="21" fillId="0" borderId="99" xfId="3" applyFont="1" applyFill="1" applyBorder="1" applyAlignment="1" applyProtection="1">
      <alignment horizontal="left"/>
    </xf>
    <xf numFmtId="37" fontId="21" fillId="0" borderId="2" xfId="3" applyFont="1" applyFill="1" applyBorder="1" applyAlignment="1" applyProtection="1">
      <alignment horizontal="left"/>
    </xf>
    <xf numFmtId="37" fontId="21" fillId="0" borderId="64" xfId="3" applyFont="1" applyFill="1" applyBorder="1" applyAlignment="1" applyProtection="1">
      <alignment horizontal="left"/>
    </xf>
    <xf numFmtId="37" fontId="0" fillId="0" borderId="0" xfId="3" applyFont="1" applyFill="1" applyAlignment="1" applyProtection="1">
      <alignment horizontal="left"/>
    </xf>
    <xf numFmtId="49" fontId="11" fillId="0" borderId="0" xfId="3" applyNumberFormat="1" applyFont="1" applyFill="1"/>
    <xf numFmtId="177" fontId="11" fillId="0" borderId="50" xfId="3" applyNumberFormat="1" applyFont="1" applyFill="1" applyBorder="1" applyProtection="1"/>
    <xf numFmtId="37" fontId="11" fillId="0" borderId="15" xfId="3" applyNumberFormat="1" applyFont="1" applyFill="1" applyBorder="1" applyProtection="1"/>
    <xf numFmtId="177" fontId="11" fillId="0" borderId="4" xfId="3" applyNumberFormat="1" applyFont="1" applyFill="1" applyBorder="1" applyProtection="1"/>
    <xf numFmtId="177" fontId="11" fillId="0" borderId="1" xfId="3" applyNumberFormat="1" applyFont="1" applyFill="1" applyBorder="1" applyProtection="1"/>
    <xf numFmtId="37" fontId="11" fillId="0" borderId="15" xfId="3" applyFont="1" applyFill="1" applyBorder="1" applyProtection="1"/>
    <xf numFmtId="37" fontId="11" fillId="0" borderId="15" xfId="3" quotePrefix="1" applyFont="1" applyFill="1" applyBorder="1" applyProtection="1"/>
    <xf numFmtId="177" fontId="11" fillId="0" borderId="54" xfId="3" applyNumberFormat="1" applyFont="1" applyFill="1" applyBorder="1" applyProtection="1"/>
    <xf numFmtId="37" fontId="11" fillId="0" borderId="11" xfId="3" applyNumberFormat="1" applyFont="1" applyFill="1" applyBorder="1" applyProtection="1"/>
    <xf numFmtId="178" fontId="11" fillId="0" borderId="2" xfId="3" applyNumberFormat="1" applyFont="1" applyFill="1" applyBorder="1" applyProtection="1"/>
    <xf numFmtId="178" fontId="11" fillId="0" borderId="12" xfId="3" applyNumberFormat="1" applyFont="1" applyFill="1" applyBorder="1" applyProtection="1"/>
    <xf numFmtId="37" fontId="28" fillId="0" borderId="99" xfId="3" applyFont="1" applyFill="1" applyBorder="1" applyAlignment="1" applyProtection="1">
      <alignment horizontal="left"/>
    </xf>
    <xf numFmtId="37" fontId="27" fillId="0" borderId="99" xfId="3" applyFont="1" applyFill="1" applyBorder="1" applyAlignment="1" applyProtection="1">
      <alignment horizontal="left"/>
    </xf>
    <xf numFmtId="38" fontId="27" fillId="0" borderId="17" xfId="2" applyFont="1" applyFill="1" applyBorder="1" applyAlignment="1" applyProtection="1">
      <protection locked="0"/>
    </xf>
    <xf numFmtId="40" fontId="27" fillId="0" borderId="17" xfId="2" applyNumberFormat="1" applyFont="1" applyFill="1" applyBorder="1" applyAlignment="1" applyProtection="1">
      <protection locked="0"/>
    </xf>
    <xf numFmtId="38" fontId="27" fillId="0" borderId="2" xfId="2" applyFont="1" applyFill="1" applyBorder="1" applyAlignment="1" applyProtection="1">
      <protection locked="0"/>
    </xf>
    <xf numFmtId="40" fontId="27" fillId="0" borderId="3" xfId="2" applyNumberFormat="1" applyFont="1" applyFill="1" applyBorder="1" applyAlignment="1" applyProtection="1">
      <protection locked="0"/>
    </xf>
    <xf numFmtId="40" fontId="27" fillId="0" borderId="18" xfId="2" applyNumberFormat="1" applyFont="1" applyFill="1" applyBorder="1" applyAlignment="1" applyProtection="1">
      <protection locked="0"/>
    </xf>
    <xf numFmtId="38" fontId="27" fillId="0" borderId="19" xfId="2" applyFont="1" applyFill="1" applyBorder="1" applyAlignment="1" applyProtection="1">
      <protection locked="0"/>
    </xf>
    <xf numFmtId="40" fontId="27" fillId="0" borderId="66" xfId="2" applyNumberFormat="1" applyFont="1" applyFill="1" applyBorder="1" applyAlignment="1" applyProtection="1">
      <protection locked="0"/>
    </xf>
    <xf numFmtId="178" fontId="11" fillId="0" borderId="37" xfId="3" applyNumberFormat="1" applyFont="1" applyFill="1" applyBorder="1" applyProtection="1"/>
    <xf numFmtId="178" fontId="11" fillId="0" borderId="62" xfId="3" applyNumberFormat="1" applyFont="1" applyFill="1" applyBorder="1" applyProtection="1"/>
    <xf numFmtId="178" fontId="11" fillId="0" borderId="56" xfId="3" applyNumberFormat="1" applyFont="1" applyFill="1" applyBorder="1" applyProtection="1"/>
    <xf numFmtId="10" fontId="11" fillId="0" borderId="37" xfId="3" applyNumberFormat="1" applyFont="1" applyFill="1" applyBorder="1" applyProtection="1"/>
    <xf numFmtId="10" fontId="11" fillId="0" borderId="56" xfId="3" applyNumberFormat="1" applyFont="1" applyFill="1" applyBorder="1" applyProtection="1"/>
    <xf numFmtId="10" fontId="11" fillId="0" borderId="32" xfId="3" applyNumberFormat="1" applyFont="1" applyFill="1" applyBorder="1" applyProtection="1"/>
    <xf numFmtId="10" fontId="11" fillId="0" borderId="67" xfId="3" applyNumberFormat="1" applyFont="1" applyFill="1" applyBorder="1" applyProtection="1"/>
    <xf numFmtId="10" fontId="11" fillId="0" borderId="28" xfId="3" applyNumberFormat="1" applyFont="1" applyFill="1" applyBorder="1" applyProtection="1"/>
    <xf numFmtId="10" fontId="11" fillId="0" borderId="50" xfId="3" applyNumberFormat="1" applyFont="1" applyFill="1" applyBorder="1" applyProtection="1"/>
    <xf numFmtId="10" fontId="11" fillId="0" borderId="22" xfId="3" applyNumberFormat="1" applyFont="1" applyFill="1" applyBorder="1" applyProtection="1"/>
    <xf numFmtId="10" fontId="11" fillId="0" borderId="51" xfId="3" applyNumberFormat="1" applyFont="1" applyFill="1" applyBorder="1" applyProtection="1"/>
    <xf numFmtId="178" fontId="11" fillId="0" borderId="80" xfId="3" applyNumberFormat="1" applyFont="1" applyFill="1" applyBorder="1" applyProtection="1"/>
    <xf numFmtId="37" fontId="11" fillId="0" borderId="10" xfId="3" applyFont="1" applyFill="1" applyBorder="1" applyProtection="1"/>
    <xf numFmtId="178" fontId="11" fillId="0" borderId="10" xfId="3" applyNumberFormat="1" applyFont="1" applyFill="1" applyBorder="1" applyProtection="1"/>
    <xf numFmtId="178" fontId="11" fillId="0" borderId="79" xfId="3" applyNumberFormat="1" applyFont="1" applyFill="1" applyBorder="1" applyProtection="1"/>
    <xf numFmtId="177" fontId="11" fillId="0" borderId="80" xfId="3" applyNumberFormat="1" applyFont="1" applyFill="1" applyBorder="1" applyProtection="1"/>
    <xf numFmtId="177" fontId="11" fillId="0" borderId="79" xfId="3" applyNumberFormat="1" applyFont="1" applyFill="1" applyBorder="1" applyProtection="1"/>
    <xf numFmtId="178" fontId="11" fillId="0" borderId="26" xfId="3" applyNumberFormat="1" applyFont="1" applyFill="1" applyBorder="1" applyAlignment="1" applyProtection="1">
      <alignment horizontal="right"/>
    </xf>
    <xf numFmtId="178" fontId="11" fillId="0" borderId="55" xfId="3" applyNumberFormat="1" applyFont="1" applyFill="1" applyBorder="1" applyAlignment="1" applyProtection="1">
      <alignment horizontal="right"/>
    </xf>
    <xf numFmtId="37" fontId="11" fillId="0" borderId="78" xfId="3" applyFont="1" applyFill="1" applyBorder="1" applyProtection="1"/>
    <xf numFmtId="178" fontId="11" fillId="0" borderId="79" xfId="3" applyNumberFormat="1" applyFont="1" applyFill="1" applyBorder="1" applyAlignment="1" applyProtection="1">
      <alignment horizontal="right"/>
    </xf>
    <xf numFmtId="178" fontId="11" fillId="0" borderId="78" xfId="3" applyNumberFormat="1" applyFont="1" applyFill="1" applyBorder="1" applyProtection="1"/>
    <xf numFmtId="10" fontId="11" fillId="0" borderId="30" xfId="3" applyNumberFormat="1" applyFont="1" applyFill="1" applyBorder="1" applyProtection="1"/>
    <xf numFmtId="10" fontId="11" fillId="0" borderId="55" xfId="3" applyNumberFormat="1" applyFont="1" applyFill="1" applyBorder="1" applyProtection="1"/>
    <xf numFmtId="10" fontId="11" fillId="0" borderId="26" xfId="3" applyNumberFormat="1" applyFont="1" applyFill="1" applyBorder="1" applyProtection="1"/>
    <xf numFmtId="10" fontId="11" fillId="0" borderId="31" xfId="3" applyNumberFormat="1" applyFont="1" applyFill="1" applyBorder="1" applyProtection="1"/>
    <xf numFmtId="177" fontId="11" fillId="0" borderId="78" xfId="3" applyNumberFormat="1" applyFont="1" applyFill="1" applyBorder="1" applyProtection="1"/>
    <xf numFmtId="37" fontId="21" fillId="0" borderId="5" xfId="3" applyFont="1" applyFill="1" applyBorder="1" applyAlignment="1" applyProtection="1">
      <alignment horizontal="left"/>
    </xf>
    <xf numFmtId="0" fontId="11" fillId="0" borderId="53" xfId="0" applyFont="1" applyFill="1" applyBorder="1" applyAlignment="1" applyProtection="1"/>
    <xf numFmtId="37" fontId="21" fillId="0" borderId="28" xfId="3" applyFont="1" applyFill="1" applyBorder="1" applyAlignment="1" applyProtection="1">
      <alignment horizontal="left"/>
    </xf>
    <xf numFmtId="37" fontId="21" fillId="0" borderId="116" xfId="3" applyFont="1" applyFill="1" applyBorder="1" applyAlignment="1" applyProtection="1">
      <alignment horizontal="left"/>
    </xf>
    <xf numFmtId="0" fontId="11" fillId="0" borderId="0" xfId="7" applyFont="1" applyFill="1" applyBorder="1" applyAlignment="1">
      <alignment vertical="center"/>
    </xf>
    <xf numFmtId="0" fontId="12" fillId="0" borderId="0" xfId="7" applyFont="1" applyFill="1" applyBorder="1" applyAlignment="1" applyProtection="1">
      <alignment vertical="center"/>
    </xf>
    <xf numFmtId="0" fontId="11" fillId="0" borderId="0" xfId="7" applyFont="1" applyFill="1" applyAlignment="1">
      <alignment vertical="center"/>
    </xf>
    <xf numFmtId="0" fontId="11" fillId="0" borderId="0" xfId="7" applyFont="1" applyFill="1" applyBorder="1" applyAlignment="1" applyProtection="1">
      <alignment horizontal="right" vertical="center"/>
    </xf>
    <xf numFmtId="0" fontId="11" fillId="0" borderId="17" xfId="7" applyFont="1" applyFill="1" applyBorder="1" applyAlignment="1" applyProtection="1">
      <alignment horizontal="centerContinuous" vertical="center"/>
    </xf>
    <xf numFmtId="0" fontId="11" fillId="0" borderId="15" xfId="7" applyFont="1" applyFill="1" applyBorder="1" applyAlignment="1">
      <alignment horizontal="centerContinuous" vertical="center"/>
    </xf>
    <xf numFmtId="2" fontId="11" fillId="0" borderId="15" xfId="7" applyNumberFormat="1" applyFont="1" applyFill="1" applyBorder="1" applyAlignment="1" applyProtection="1">
      <alignment horizontal="centerContinuous" vertical="center"/>
    </xf>
    <xf numFmtId="0" fontId="11" fillId="0" borderId="1" xfId="7" applyFont="1" applyFill="1" applyBorder="1" applyAlignment="1" applyProtection="1">
      <alignment horizontal="centerContinuous" vertical="center"/>
    </xf>
    <xf numFmtId="0" fontId="17" fillId="0" borderId="19" xfId="7" applyFont="1" applyFill="1" applyBorder="1" applyAlignment="1" applyProtection="1">
      <alignment horizontal="center" vertical="center"/>
    </xf>
    <xf numFmtId="38" fontId="15" fillId="0" borderId="18" xfId="2" applyFont="1" applyFill="1" applyBorder="1" applyAlignment="1" applyProtection="1"/>
    <xf numFmtId="38" fontId="15" fillId="0" borderId="2" xfId="2" applyFont="1" applyFill="1" applyBorder="1" applyAlignment="1" applyProtection="1"/>
    <xf numFmtId="38" fontId="15" fillId="0" borderId="17" xfId="2" quotePrefix="1" applyFont="1" applyFill="1" applyBorder="1" applyAlignment="1" applyProtection="1"/>
    <xf numFmtId="38" fontId="15" fillId="0" borderId="12" xfId="2" applyFont="1" applyFill="1" applyBorder="1" applyAlignment="1" applyProtection="1"/>
    <xf numFmtId="38" fontId="15" fillId="0" borderId="37" xfId="2" quotePrefix="1" applyFont="1" applyFill="1" applyBorder="1" applyAlignment="1" applyProtection="1"/>
    <xf numFmtId="0" fontId="4" fillId="0" borderId="0" xfId="7" applyFont="1" applyFill="1" applyBorder="1" applyAlignment="1" applyProtection="1">
      <alignment horizontal="left" vertical="center"/>
    </xf>
    <xf numFmtId="38" fontId="11" fillId="0" borderId="0" xfId="7" applyNumberFormat="1" applyFont="1" applyFill="1" applyBorder="1" applyAlignment="1" applyProtection="1">
      <alignment horizontal="right" vertical="center"/>
    </xf>
    <xf numFmtId="38" fontId="11" fillId="0" borderId="0" xfId="2" applyFont="1" applyFill="1" applyAlignment="1">
      <alignment vertical="center"/>
    </xf>
    <xf numFmtId="0" fontId="11" fillId="0" borderId="0" xfId="7" applyFont="1" applyFill="1" applyBorder="1" applyAlignment="1" applyProtection="1">
      <alignment horizontal="left" vertical="center"/>
    </xf>
    <xf numFmtId="0" fontId="11" fillId="0" borderId="93" xfId="7" applyFont="1" applyFill="1" applyBorder="1" applyAlignment="1">
      <alignment horizontal="center" vertical="center"/>
    </xf>
    <xf numFmtId="38" fontId="15" fillId="0" borderId="17" xfId="2" applyFont="1" applyFill="1" applyBorder="1" applyAlignment="1" applyProtection="1"/>
    <xf numFmtId="38" fontId="15" fillId="0" borderId="5" xfId="2" quotePrefix="1" applyFont="1" applyFill="1" applyBorder="1" applyAlignment="1" applyProtection="1">
      <alignment horizontal="center"/>
    </xf>
    <xf numFmtId="38" fontId="15" fillId="0" borderId="2" xfId="2" quotePrefix="1" applyFont="1" applyFill="1" applyBorder="1" applyAlignment="1" applyProtection="1">
      <alignment horizontal="center"/>
    </xf>
    <xf numFmtId="38" fontId="15" fillId="0" borderId="32" xfId="2" applyFont="1" applyFill="1" applyBorder="1" applyAlignment="1" applyProtection="1">
      <alignment horizontal="center"/>
    </xf>
    <xf numFmtId="0" fontId="7" fillId="0" borderId="18" xfId="7" applyFont="1" applyFill="1" applyBorder="1" applyAlignment="1" applyProtection="1">
      <alignment horizontal="center" vertical="center"/>
    </xf>
    <xf numFmtId="38" fontId="15" fillId="0" borderId="23" xfId="2" applyFont="1" applyFill="1" applyBorder="1" applyAlignment="1" applyProtection="1">
      <alignment horizontal="center"/>
    </xf>
    <xf numFmtId="38" fontId="15" fillId="0" borderId="13" xfId="2" applyFont="1" applyFill="1" applyBorder="1" applyAlignment="1" applyProtection="1"/>
    <xf numFmtId="0" fontId="11" fillId="0" borderId="59" xfId="7" applyFont="1" applyFill="1" applyBorder="1" applyAlignment="1">
      <alignment vertical="center"/>
    </xf>
    <xf numFmtId="38" fontId="15" fillId="0" borderId="12" xfId="2" applyFont="1" applyFill="1" applyBorder="1" applyAlignment="1" applyProtection="1">
      <alignment horizontal="right"/>
    </xf>
    <xf numFmtId="0" fontId="11" fillId="0" borderId="22" xfId="7" applyFont="1" applyFill="1" applyBorder="1" applyAlignment="1" applyProtection="1">
      <alignment horizontal="center" vertical="center"/>
    </xf>
    <xf numFmtId="0" fontId="11" fillId="0" borderId="18" xfId="7" applyFont="1" applyFill="1" applyBorder="1" applyAlignment="1">
      <alignment vertical="center"/>
    </xf>
    <xf numFmtId="0" fontId="11" fillId="0" borderId="97" xfId="7" applyFont="1" applyFill="1" applyBorder="1" applyAlignment="1" applyProtection="1">
      <alignment horizontal="centerContinuous" vertical="center" wrapText="1"/>
    </xf>
    <xf numFmtId="0" fontId="11" fillId="0" borderId="47" xfId="7" applyFont="1" applyFill="1" applyBorder="1" applyAlignment="1" applyProtection="1">
      <alignment horizontal="centerContinuous" vertical="center"/>
    </xf>
    <xf numFmtId="0" fontId="0" fillId="0" borderId="0" xfId="7" applyFont="1" applyFill="1" applyBorder="1" applyAlignment="1" applyProtection="1">
      <alignment horizontal="left" vertical="center"/>
    </xf>
    <xf numFmtId="38" fontId="11" fillId="0" borderId="0" xfId="2" applyFont="1" applyFill="1" applyBorder="1" applyAlignment="1" applyProtection="1">
      <alignment horizontal="left" vertical="center"/>
    </xf>
    <xf numFmtId="38" fontId="11" fillId="0" borderId="0" xfId="2" applyFont="1" applyFill="1" applyBorder="1" applyAlignment="1">
      <alignment vertical="center"/>
    </xf>
    <xf numFmtId="38" fontId="15" fillId="0" borderId="17" xfId="2" quotePrefix="1" applyFont="1" applyFill="1" applyBorder="1" applyAlignment="1" applyProtection="1">
      <alignment horizontal="center"/>
    </xf>
    <xf numFmtId="38" fontId="15" fillId="0" borderId="17" xfId="2" applyFont="1" applyFill="1" applyBorder="1" applyAlignment="1" applyProtection="1">
      <alignment horizontal="center"/>
    </xf>
    <xf numFmtId="38" fontId="15" fillId="0" borderId="12" xfId="2" applyFont="1" applyFill="1" applyBorder="1" applyAlignment="1" applyProtection="1">
      <alignment horizontal="center"/>
    </xf>
    <xf numFmtId="38" fontId="15" fillId="0" borderId="18" xfId="2" applyFont="1" applyFill="1" applyBorder="1" applyAlignment="1" applyProtection="1">
      <alignment horizontal="center"/>
    </xf>
    <xf numFmtId="38" fontId="15" fillId="0" borderId="2" xfId="2" applyFont="1" applyFill="1" applyBorder="1" applyAlignment="1" applyProtection="1">
      <alignment horizontal="center"/>
    </xf>
    <xf numFmtId="0" fontId="7" fillId="0" borderId="0" xfId="6" applyFont="1" applyFill="1" applyAlignment="1"/>
    <xf numFmtId="0" fontId="7" fillId="0" borderId="0" xfId="6" applyFont="1" applyFill="1" applyAlignment="1">
      <alignment horizontal="center"/>
    </xf>
    <xf numFmtId="38" fontId="15" fillId="0" borderId="0" xfId="6" applyNumberFormat="1" applyFont="1" applyFill="1" applyAlignment="1"/>
    <xf numFmtId="0" fontId="7" fillId="0" borderId="0" xfId="6" applyFont="1" applyFill="1" applyBorder="1" applyAlignment="1" applyProtection="1">
      <alignment horizontal="right" vertical="center"/>
    </xf>
    <xf numFmtId="0" fontId="7" fillId="0" borderId="0" xfId="6" applyFont="1" applyFill="1" applyBorder="1" applyAlignment="1">
      <alignment vertical="center"/>
    </xf>
    <xf numFmtId="0" fontId="17" fillId="0" borderId="18" xfId="6" applyFont="1" applyFill="1" applyBorder="1" applyAlignment="1" applyProtection="1">
      <alignment horizontal="center" vertical="center" wrapText="1"/>
    </xf>
    <xf numFmtId="0" fontId="11" fillId="0" borderId="23" xfId="7" applyFont="1" applyFill="1" applyBorder="1" applyAlignment="1" applyProtection="1">
      <alignment horizontal="centerContinuous" vertical="center"/>
    </xf>
    <xf numFmtId="2" fontId="11" fillId="0" borderId="49" xfId="7" applyNumberFormat="1" applyFont="1" applyFill="1" applyBorder="1" applyAlignment="1" applyProtection="1">
      <alignment horizontal="centerContinuous" vertical="center"/>
    </xf>
    <xf numFmtId="0" fontId="11" fillId="0" borderId="4" xfId="7" applyFont="1" applyFill="1" applyBorder="1" applyAlignment="1">
      <alignment horizontal="centerContinuous" vertical="center"/>
    </xf>
    <xf numFmtId="10" fontId="11" fillId="0" borderId="12" xfId="7" applyNumberFormat="1" applyFont="1" applyFill="1" applyBorder="1" applyAlignment="1" applyProtection="1">
      <alignment horizontal="center" vertical="center"/>
    </xf>
    <xf numFmtId="10" fontId="15" fillId="0" borderId="5" xfId="1" applyNumberFormat="1" applyFont="1" applyFill="1" applyBorder="1" applyAlignment="1"/>
    <xf numFmtId="0" fontId="11" fillId="0" borderId="97" xfId="7" applyFont="1" applyFill="1" applyBorder="1" applyAlignment="1" applyProtection="1">
      <alignment horizontal="centerContinuous" vertical="center"/>
    </xf>
    <xf numFmtId="0" fontId="11" fillId="0" borderId="70" xfId="7" applyFont="1" applyFill="1" applyBorder="1" applyAlignment="1">
      <alignment horizontal="centerContinuous" vertical="center"/>
    </xf>
    <xf numFmtId="10" fontId="15" fillId="0" borderId="64" xfId="1" applyNumberFormat="1" applyFont="1" applyFill="1" applyBorder="1" applyAlignment="1"/>
    <xf numFmtId="10" fontId="15" fillId="0" borderId="2" xfId="1" applyNumberFormat="1" applyFont="1" applyFill="1" applyBorder="1" applyAlignment="1"/>
    <xf numFmtId="10" fontId="15" fillId="0" borderId="12" xfId="1" applyNumberFormat="1" applyFont="1" applyFill="1" applyBorder="1" applyAlignment="1"/>
    <xf numFmtId="10" fontId="15" fillId="0" borderId="37" xfId="1" applyNumberFormat="1" applyFont="1" applyFill="1" applyBorder="1" applyAlignment="1"/>
    <xf numFmtId="0" fontId="11" fillId="0" borderId="49" xfId="7" applyFont="1" applyFill="1" applyBorder="1" applyAlignment="1">
      <alignment horizontal="centerContinuous" vertical="center"/>
    </xf>
    <xf numFmtId="0" fontId="11" fillId="0" borderId="36" xfId="7" applyFont="1" applyFill="1" applyBorder="1" applyAlignment="1">
      <alignment horizontal="centerContinuous" vertical="center"/>
    </xf>
    <xf numFmtId="0" fontId="11" fillId="0" borderId="47" xfId="7" applyFont="1" applyFill="1" applyBorder="1" applyAlignment="1">
      <alignment horizontal="centerContinuous" vertical="center"/>
    </xf>
    <xf numFmtId="0" fontId="11" fillId="0" borderId="57" xfId="7" applyFont="1" applyFill="1" applyBorder="1" applyAlignment="1">
      <alignment horizontal="centerContinuous" vertical="center"/>
    </xf>
    <xf numFmtId="0" fontId="11" fillId="0" borderId="0" xfId="7" applyFont="1" applyFill="1" applyAlignment="1">
      <alignment horizontal="right" vertical="center"/>
    </xf>
    <xf numFmtId="10" fontId="11" fillId="0" borderId="5" xfId="1" quotePrefix="1" applyNumberFormat="1" applyFont="1" applyFill="1" applyBorder="1" applyAlignment="1" applyProtection="1">
      <alignment vertical="center"/>
    </xf>
    <xf numFmtId="10" fontId="11" fillId="0" borderId="6" xfId="1" quotePrefix="1" applyNumberFormat="1" applyFont="1" applyFill="1" applyBorder="1" applyAlignment="1" applyProtection="1">
      <alignment vertical="center"/>
    </xf>
    <xf numFmtId="0" fontId="11" fillId="0" borderId="87" xfId="8" applyFont="1" applyBorder="1" applyAlignment="1" applyProtection="1">
      <alignment vertical="center"/>
    </xf>
    <xf numFmtId="10" fontId="11" fillId="0" borderId="8" xfId="1" quotePrefix="1" applyNumberFormat="1" applyFont="1" applyFill="1" applyBorder="1" applyAlignment="1" applyProtection="1">
      <alignment vertical="center"/>
    </xf>
    <xf numFmtId="10" fontId="11" fillId="0" borderId="9" xfId="1" quotePrefix="1" applyNumberFormat="1" applyFont="1" applyFill="1" applyBorder="1" applyAlignment="1" applyProtection="1">
      <alignment vertical="center"/>
    </xf>
    <xf numFmtId="10" fontId="11" fillId="0" borderId="23" xfId="1" quotePrefix="1" applyNumberFormat="1" applyFont="1" applyFill="1" applyBorder="1" applyAlignment="1" applyProtection="1">
      <alignment vertical="center"/>
    </xf>
    <xf numFmtId="10" fontId="11" fillId="0" borderId="114" xfId="1" quotePrefix="1" applyNumberFormat="1" applyFont="1" applyFill="1" applyBorder="1" applyAlignment="1" applyProtection="1">
      <alignment vertical="center"/>
    </xf>
    <xf numFmtId="10" fontId="11" fillId="0" borderId="87" xfId="1" quotePrefix="1" applyNumberFormat="1" applyFont="1" applyFill="1" applyBorder="1" applyAlignment="1" applyProtection="1">
      <alignment vertical="center"/>
    </xf>
    <xf numFmtId="10" fontId="11" fillId="0" borderId="105" xfId="1" quotePrefix="1" applyNumberFormat="1" applyFont="1" applyFill="1" applyBorder="1" applyAlignment="1" applyProtection="1">
      <alignment vertical="center"/>
    </xf>
    <xf numFmtId="10" fontId="11" fillId="0" borderId="4" xfId="1" quotePrefix="1" applyNumberFormat="1" applyFont="1" applyBorder="1" applyAlignment="1" applyProtection="1">
      <alignment vertical="center"/>
    </xf>
    <xf numFmtId="10" fontId="11" fillId="0" borderId="7" xfId="1" quotePrefix="1" applyNumberFormat="1" applyFont="1" applyBorder="1" applyAlignment="1" applyProtection="1">
      <alignment vertical="center"/>
    </xf>
    <xf numFmtId="0" fontId="21" fillId="0" borderId="6" xfId="8" applyFont="1" applyBorder="1" applyAlignment="1" applyProtection="1">
      <alignment horizontal="left" vertical="center"/>
    </xf>
    <xf numFmtId="0" fontId="11" fillId="0" borderId="6" xfId="8" applyFont="1" applyBorder="1" applyAlignment="1" applyProtection="1">
      <alignment horizontal="left" vertical="center"/>
    </xf>
    <xf numFmtId="0" fontId="7" fillId="0" borderId="0" xfId="0" applyFont="1" applyFill="1" applyBorder="1"/>
    <xf numFmtId="38" fontId="15" fillId="0" borderId="66" xfId="2" applyFont="1" applyFill="1" applyBorder="1" applyAlignment="1" applyProtection="1">
      <alignment horizontal="center"/>
    </xf>
    <xf numFmtId="38" fontId="15" fillId="0" borderId="3" xfId="2" quotePrefix="1" applyFont="1" applyFill="1" applyBorder="1" applyAlignment="1" applyProtection="1">
      <alignment horizontal="center"/>
    </xf>
    <xf numFmtId="38" fontId="15" fillId="0" borderId="3" xfId="2" applyFont="1" applyFill="1" applyBorder="1" applyAlignment="1" applyProtection="1">
      <alignment horizontal="center"/>
    </xf>
    <xf numFmtId="38" fontId="15" fillId="0" borderId="29" xfId="2" applyFont="1" applyFill="1" applyBorder="1" applyAlignment="1" applyProtection="1">
      <alignment horizontal="center"/>
    </xf>
    <xf numFmtId="38" fontId="15" fillId="0" borderId="67" xfId="2" applyFont="1" applyFill="1" applyBorder="1" applyAlignment="1" applyProtection="1">
      <alignment horizontal="center"/>
    </xf>
    <xf numFmtId="38" fontId="15" fillId="0" borderId="67" xfId="2" applyFont="1" applyFill="1" applyBorder="1" applyAlignment="1" applyProtection="1"/>
    <xf numFmtId="38" fontId="15" fillId="0" borderId="5" xfId="2" applyFont="1" applyFill="1" applyBorder="1" applyAlignment="1" applyProtection="1">
      <alignment horizontal="center"/>
    </xf>
    <xf numFmtId="38" fontId="15" fillId="0" borderId="6" xfId="2" applyFont="1" applyFill="1" applyBorder="1" applyAlignment="1" applyProtection="1">
      <alignment horizontal="center"/>
    </xf>
    <xf numFmtId="38" fontId="15" fillId="0" borderId="29" xfId="2" applyFont="1" applyFill="1" applyBorder="1" applyAlignment="1" applyProtection="1"/>
    <xf numFmtId="38" fontId="15" fillId="0" borderId="12" xfId="2" applyFont="1" applyFill="1" applyBorder="1" applyAlignment="1" applyProtection="1">
      <alignment horizontal="center" justifyLastLine="1"/>
    </xf>
    <xf numFmtId="0" fontId="15" fillId="0" borderId="54" xfId="7" applyFont="1" applyFill="1" applyBorder="1" applyAlignment="1" applyProtection="1">
      <alignment horizontal="right" justifyLastLine="1"/>
    </xf>
    <xf numFmtId="38" fontId="15" fillId="0" borderId="12" xfId="2" applyFont="1" applyFill="1" applyBorder="1" applyAlignment="1" applyProtection="1">
      <alignment horizontal="right" justifyLastLine="1"/>
    </xf>
    <xf numFmtId="10" fontId="11" fillId="0" borderId="2" xfId="1" quotePrefix="1" applyNumberFormat="1" applyFont="1" applyFill="1" applyBorder="1" applyAlignment="1" applyProtection="1">
      <alignment vertical="center"/>
    </xf>
    <xf numFmtId="10" fontId="11" fillId="0" borderId="17" xfId="1" quotePrefix="1" applyNumberFormat="1" applyFont="1" applyFill="1" applyBorder="1" applyAlignment="1" applyProtection="1">
      <alignment vertical="center"/>
    </xf>
    <xf numFmtId="10" fontId="11" fillId="0" borderId="74" xfId="1" quotePrefix="1" applyNumberFormat="1" applyFont="1" applyFill="1" applyBorder="1" applyAlignment="1" applyProtection="1">
      <alignment vertical="center"/>
    </xf>
    <xf numFmtId="10" fontId="11" fillId="0" borderId="3" xfId="1" quotePrefix="1" applyNumberFormat="1" applyFont="1" applyFill="1" applyBorder="1" applyAlignment="1" applyProtection="1">
      <alignment vertical="center"/>
    </xf>
    <xf numFmtId="10" fontId="11" fillId="0" borderId="12" xfId="1" quotePrefix="1" applyNumberFormat="1" applyFont="1" applyFill="1" applyBorder="1" applyAlignment="1" applyProtection="1">
      <alignment vertical="center"/>
    </xf>
    <xf numFmtId="10" fontId="11" fillId="0" borderId="13" xfId="1" quotePrefix="1" applyNumberFormat="1" applyFont="1" applyFill="1" applyBorder="1" applyAlignment="1" applyProtection="1">
      <alignment vertical="center"/>
    </xf>
    <xf numFmtId="10" fontId="11" fillId="0" borderId="88" xfId="1" quotePrefix="1" applyNumberFormat="1" applyFont="1" applyFill="1" applyBorder="1" applyAlignment="1" applyProtection="1">
      <alignment vertical="center"/>
    </xf>
    <xf numFmtId="10" fontId="11" fillId="0" borderId="29" xfId="1" quotePrefix="1" applyNumberFormat="1" applyFont="1" applyFill="1" applyBorder="1" applyAlignment="1" applyProtection="1">
      <alignment vertical="center"/>
    </xf>
    <xf numFmtId="37" fontId="27" fillId="0" borderId="113" xfId="3" applyFont="1" applyFill="1" applyBorder="1" applyAlignment="1" applyProtection="1">
      <alignment horizontal="left"/>
    </xf>
    <xf numFmtId="37" fontId="11" fillId="0" borderId="0" xfId="3" applyFont="1" applyFill="1" applyBorder="1"/>
    <xf numFmtId="37" fontId="11" fillId="0" borderId="0" xfId="3" applyNumberFormat="1" applyFont="1" applyFill="1" applyBorder="1" applyProtection="1"/>
    <xf numFmtId="178" fontId="11" fillId="0" borderId="28" xfId="3" applyNumberFormat="1" applyFont="1" applyFill="1" applyBorder="1" applyProtection="1"/>
    <xf numFmtId="178" fontId="11" fillId="0" borderId="5" xfId="3" applyNumberFormat="1" applyFont="1" applyFill="1" applyBorder="1" applyProtection="1"/>
    <xf numFmtId="37" fontId="11" fillId="0" borderId="23" xfId="3" applyFont="1" applyFill="1" applyBorder="1" applyProtection="1"/>
    <xf numFmtId="37" fontId="11" fillId="0" borderId="23" xfId="3" applyNumberFormat="1" applyFont="1" applyFill="1" applyBorder="1" applyProtection="1"/>
    <xf numFmtId="37" fontId="11" fillId="0" borderId="23" xfId="3" quotePrefix="1" applyFont="1" applyFill="1" applyBorder="1" applyProtection="1"/>
    <xf numFmtId="178" fontId="11" fillId="0" borderId="32" xfId="3" applyNumberFormat="1" applyFont="1" applyFill="1" applyBorder="1" applyProtection="1"/>
    <xf numFmtId="178" fontId="11" fillId="0" borderId="18" xfId="3" applyNumberFormat="1" applyFont="1" applyFill="1" applyBorder="1" applyProtection="1"/>
    <xf numFmtId="178" fontId="11" fillId="0" borderId="73" xfId="3" applyNumberFormat="1" applyFont="1" applyFill="1" applyBorder="1" applyProtection="1"/>
    <xf numFmtId="178" fontId="11" fillId="0" borderId="61" xfId="3" applyNumberFormat="1" applyFont="1" applyFill="1" applyBorder="1" applyProtection="1"/>
    <xf numFmtId="178" fontId="11" fillId="0" borderId="76" xfId="3" applyNumberFormat="1" applyFont="1" applyFill="1" applyBorder="1" applyProtection="1"/>
    <xf numFmtId="178" fontId="11" fillId="0" borderId="77" xfId="3" applyNumberFormat="1" applyFont="1" applyFill="1" applyBorder="1" applyProtection="1"/>
    <xf numFmtId="10" fontId="15" fillId="0" borderId="27" xfId="1" applyNumberFormat="1" applyFont="1" applyFill="1" applyBorder="1" applyAlignment="1"/>
    <xf numFmtId="0" fontId="11" fillId="0" borderId="41" xfId="5" applyFont="1" applyFill="1" applyBorder="1" applyAlignment="1" applyProtection="1">
      <alignment horizontal="left" vertical="center"/>
    </xf>
    <xf numFmtId="0" fontId="11" fillId="0" borderId="4" xfId="5" applyFont="1" applyFill="1" applyBorder="1" applyAlignment="1" applyProtection="1">
      <alignment horizontal="left" vertical="center"/>
    </xf>
    <xf numFmtId="0" fontId="11" fillId="0" borderId="22" xfId="5" applyFont="1" applyFill="1" applyBorder="1" applyAlignment="1" applyProtection="1">
      <alignment horizontal="right" vertical="center"/>
    </xf>
    <xf numFmtId="38" fontId="15" fillId="0" borderId="64" xfId="2" applyFont="1" applyFill="1" applyBorder="1" applyAlignment="1" applyProtection="1">
      <alignment horizontal="center"/>
    </xf>
    <xf numFmtId="38" fontId="15" fillId="0" borderId="19" xfId="2" applyFont="1" applyFill="1" applyBorder="1" applyAlignment="1" applyProtection="1">
      <alignment horizontal="center"/>
    </xf>
    <xf numFmtId="0" fontId="11" fillId="0" borderId="97" xfId="6" applyFont="1" applyFill="1" applyBorder="1" applyAlignment="1" applyProtection="1">
      <alignment horizontal="centerContinuous" vertical="center"/>
    </xf>
    <xf numFmtId="0" fontId="11" fillId="0" borderId="70" xfId="6" applyFont="1" applyFill="1" applyBorder="1" applyAlignment="1">
      <alignment horizontal="centerContinuous" vertical="center"/>
    </xf>
    <xf numFmtId="0" fontId="11" fillId="0" borderId="70" xfId="6" applyFont="1" applyFill="1" applyBorder="1" applyAlignment="1" applyProtection="1">
      <alignment horizontal="centerContinuous" vertical="center"/>
    </xf>
    <xf numFmtId="0" fontId="17" fillId="0" borderId="18" xfId="6" applyFont="1" applyFill="1" applyBorder="1" applyAlignment="1" applyProtection="1">
      <alignment horizontal="center" vertical="center"/>
    </xf>
    <xf numFmtId="0" fontId="17" fillId="0" borderId="18" xfId="6" applyFont="1" applyFill="1" applyBorder="1" applyAlignment="1" applyProtection="1">
      <alignment horizontal="center" vertical="center" wrapText="1" justifyLastLine="1"/>
    </xf>
    <xf numFmtId="0" fontId="17" fillId="0" borderId="19" xfId="6" applyFont="1" applyFill="1" applyBorder="1" applyAlignment="1" applyProtection="1">
      <alignment horizontal="center" vertical="center" wrapText="1"/>
    </xf>
    <xf numFmtId="0" fontId="17" fillId="0" borderId="12" xfId="6" applyFont="1" applyFill="1" applyBorder="1" applyAlignment="1" applyProtection="1">
      <alignment horizontal="center" vertical="center" wrapText="1"/>
    </xf>
    <xf numFmtId="0" fontId="11" fillId="0" borderId="18" xfId="6" applyFont="1" applyFill="1" applyBorder="1" applyAlignment="1" applyProtection="1">
      <alignment horizontal="center" vertical="center"/>
    </xf>
    <xf numFmtId="0" fontId="7" fillId="0" borderId="61" xfId="6" applyFont="1" applyFill="1" applyBorder="1" applyAlignment="1" applyProtection="1">
      <alignment horizontal="center" vertical="center" wrapText="1"/>
    </xf>
    <xf numFmtId="0" fontId="7" fillId="0" borderId="19" xfId="6" applyFont="1" applyFill="1" applyBorder="1" applyAlignment="1" applyProtection="1">
      <alignment horizontal="center" vertical="center" wrapText="1"/>
    </xf>
    <xf numFmtId="0" fontId="7" fillId="0" borderId="18" xfId="6" applyFont="1" applyFill="1" applyBorder="1" applyAlignment="1" applyProtection="1">
      <alignment horizontal="center" vertical="center" wrapText="1"/>
    </xf>
    <xf numFmtId="0" fontId="7" fillId="0" borderId="66" xfId="6" applyFont="1" applyFill="1" applyBorder="1" applyAlignment="1" applyProtection="1">
      <alignment horizontal="center" vertical="center" wrapText="1"/>
    </xf>
    <xf numFmtId="0" fontId="11" fillId="0" borderId="12" xfId="6" applyFont="1" applyFill="1" applyBorder="1" applyAlignment="1" applyProtection="1">
      <alignment horizontal="center" vertical="center"/>
    </xf>
    <xf numFmtId="0" fontId="11" fillId="0" borderId="16" xfId="6" applyFont="1" applyFill="1" applyBorder="1" applyAlignment="1" applyProtection="1">
      <alignment horizontal="center" vertical="center"/>
    </xf>
    <xf numFmtId="0" fontId="11" fillId="0" borderId="51" xfId="7" applyFont="1" applyFill="1" applyBorder="1" applyAlignment="1" applyProtection="1">
      <alignment horizontal="center" vertical="center"/>
    </xf>
    <xf numFmtId="38" fontId="11" fillId="0" borderId="20" xfId="2" applyFont="1" applyFill="1" applyBorder="1" applyAlignment="1">
      <alignment vertical="center"/>
    </xf>
    <xf numFmtId="38" fontId="11" fillId="0" borderId="28" xfId="2" applyFont="1" applyFill="1" applyBorder="1" applyAlignment="1" applyProtection="1">
      <alignment horizontal="center" vertical="center"/>
    </xf>
    <xf numFmtId="38" fontId="11" fillId="0" borderId="19" xfId="2" applyFont="1" applyFill="1" applyBorder="1" applyAlignment="1">
      <alignment vertical="center"/>
    </xf>
    <xf numFmtId="38" fontId="11" fillId="0" borderId="28" xfId="2" applyFont="1" applyFill="1" applyBorder="1" applyAlignment="1" applyProtection="1">
      <alignment horizontal="center"/>
    </xf>
    <xf numFmtId="38" fontId="11" fillId="0" borderId="19" xfId="2" applyFont="1" applyFill="1" applyBorder="1" applyAlignment="1" applyProtection="1">
      <alignment horizontal="center"/>
    </xf>
    <xf numFmtId="38" fontId="11" fillId="0" borderId="28" xfId="2" applyFont="1" applyFill="1" applyBorder="1" applyAlignment="1">
      <alignment horizontal="center"/>
    </xf>
    <xf numFmtId="10" fontId="7" fillId="0" borderId="2" xfId="5" applyNumberFormat="1" applyFont="1" applyFill="1" applyBorder="1" applyAlignment="1" applyProtection="1">
      <alignment horizontal="right" vertical="center"/>
    </xf>
    <xf numFmtId="10" fontId="7" fillId="0" borderId="17" xfId="5" applyNumberFormat="1" applyFont="1" applyFill="1" applyBorder="1" applyAlignment="1" applyProtection="1">
      <alignment horizontal="right" vertical="center"/>
    </xf>
    <xf numFmtId="10" fontId="7" fillId="0" borderId="22" xfId="5" applyNumberFormat="1" applyFont="1" applyFill="1" applyBorder="1" applyAlignment="1" applyProtection="1">
      <alignment horizontal="right" vertical="center"/>
    </xf>
    <xf numFmtId="0" fontId="11" fillId="0" borderId="0" xfId="5" applyFont="1" applyFill="1" applyBorder="1" applyAlignment="1" applyProtection="1">
      <alignment horizontal="center" vertical="center"/>
    </xf>
    <xf numFmtId="38" fontId="0" fillId="0" borderId="0" xfId="2" applyFont="1" applyFill="1" applyBorder="1" applyAlignment="1" applyProtection="1">
      <alignment horizontal="left" vertical="center"/>
    </xf>
    <xf numFmtId="180" fontId="11" fillId="0" borderId="0" xfId="2" applyNumberFormat="1" applyFont="1" applyFill="1" applyBorder="1" applyAlignment="1">
      <alignment vertical="center"/>
    </xf>
    <xf numFmtId="180" fontId="15" fillId="0" borderId="12" xfId="2" applyNumberFormat="1" applyFont="1" applyFill="1" applyBorder="1" applyAlignment="1" applyProtection="1"/>
    <xf numFmtId="180" fontId="29" fillId="0" borderId="30" xfId="2" quotePrefix="1" applyNumberFormat="1" applyFont="1" applyFill="1" applyBorder="1" applyAlignment="1" applyProtection="1"/>
    <xf numFmtId="180" fontId="15" fillId="0" borderId="12" xfId="2" applyNumberFormat="1" applyFont="1" applyFill="1" applyBorder="1" applyAlignment="1" applyProtection="1">
      <alignment horizontal="right"/>
    </xf>
    <xf numFmtId="180" fontId="15" fillId="0" borderId="29" xfId="2" applyNumberFormat="1" applyFont="1" applyFill="1" applyBorder="1" applyAlignment="1">
      <alignment horizontal="right"/>
    </xf>
    <xf numFmtId="180" fontId="15" fillId="0" borderId="2" xfId="2" quotePrefix="1" applyNumberFormat="1" applyFont="1" applyFill="1" applyBorder="1" applyAlignment="1" applyProtection="1"/>
    <xf numFmtId="180" fontId="15" fillId="0" borderId="3" xfId="2" applyNumberFormat="1" applyFont="1" applyFill="1" applyBorder="1" applyAlignment="1" applyProtection="1"/>
    <xf numFmtId="180" fontId="15" fillId="0" borderId="6" xfId="2" applyNumberFormat="1" applyFont="1" applyFill="1" applyBorder="1" applyAlignment="1" applyProtection="1"/>
    <xf numFmtId="180" fontId="15" fillId="0" borderId="3" xfId="2" applyNumberFormat="1" applyFont="1" applyFill="1" applyBorder="1" applyAlignment="1" applyProtection="1">
      <alignment horizontal="right"/>
    </xf>
    <xf numFmtId="180" fontId="15" fillId="0" borderId="67" xfId="2" applyNumberFormat="1" applyFont="1" applyFill="1" applyBorder="1" applyAlignment="1" applyProtection="1">
      <alignment horizontal="right"/>
    </xf>
    <xf numFmtId="180" fontId="15" fillId="0" borderId="28" xfId="2" quotePrefix="1" applyNumberFormat="1" applyFont="1" applyFill="1" applyBorder="1" applyAlignment="1" applyProtection="1"/>
    <xf numFmtId="180" fontId="15" fillId="0" borderId="51" xfId="2" applyNumberFormat="1" applyFont="1" applyFill="1" applyBorder="1" applyAlignment="1" applyProtection="1"/>
    <xf numFmtId="180" fontId="29" fillId="0" borderId="31" xfId="2" applyNumberFormat="1" applyFont="1" applyFill="1" applyBorder="1" applyAlignment="1" applyProtection="1"/>
    <xf numFmtId="37" fontId="11" fillId="0" borderId="4" xfId="3" applyFont="1" applyFill="1" applyBorder="1" applyAlignment="1" applyProtection="1">
      <alignment vertical="center"/>
    </xf>
    <xf numFmtId="37" fontId="11" fillId="0" borderId="28" xfId="3" applyFont="1" applyFill="1" applyBorder="1" applyAlignment="1" applyProtection="1">
      <alignment horizontal="distributed" justifyLastLine="1"/>
    </xf>
    <xf numFmtId="37" fontId="11" fillId="0" borderId="19" xfId="3" quotePrefix="1" applyFont="1" applyFill="1" applyBorder="1" applyAlignment="1" applyProtection="1">
      <alignment horizontal="right"/>
    </xf>
    <xf numFmtId="178" fontId="11" fillId="0" borderId="19" xfId="3" applyNumberFormat="1" applyFont="1" applyFill="1" applyBorder="1" applyProtection="1"/>
    <xf numFmtId="178" fontId="11" fillId="0" borderId="68" xfId="3" applyNumberFormat="1" applyFont="1" applyFill="1" applyBorder="1" applyProtection="1"/>
    <xf numFmtId="178" fontId="11" fillId="0" borderId="125" xfId="3" applyNumberFormat="1" applyFont="1" applyFill="1" applyBorder="1" applyProtection="1"/>
    <xf numFmtId="178" fontId="11" fillId="0" borderId="67" xfId="3" applyNumberFormat="1" applyFont="1" applyFill="1" applyBorder="1" applyProtection="1"/>
    <xf numFmtId="177" fontId="11" fillId="0" borderId="84" xfId="3" applyNumberFormat="1" applyFont="1" applyFill="1" applyBorder="1" applyAlignment="1">
      <alignment horizontal="right"/>
    </xf>
    <xf numFmtId="38" fontId="11" fillId="0" borderId="15" xfId="2" applyFont="1" applyFill="1" applyBorder="1" applyAlignment="1" applyProtection="1">
      <alignment horizontal="right" vertical="center"/>
    </xf>
    <xf numFmtId="38" fontId="7" fillId="0" borderId="0" xfId="2" applyFont="1" applyFill="1" applyAlignment="1">
      <alignment vertical="center"/>
    </xf>
    <xf numFmtId="0" fontId="11" fillId="0" borderId="10" xfId="7" applyFont="1" applyFill="1" applyBorder="1" applyAlignment="1" applyProtection="1">
      <alignment horizontal="right" vertical="center"/>
    </xf>
    <xf numFmtId="0" fontId="12" fillId="0" borderId="10" xfId="7" applyFont="1" applyFill="1" applyBorder="1" applyAlignment="1" applyProtection="1">
      <alignment vertical="center"/>
    </xf>
    <xf numFmtId="180" fontId="15" fillId="0" borderId="30" xfId="2" quotePrefix="1" applyNumberFormat="1" applyFont="1" applyFill="1" applyBorder="1" applyAlignment="1" applyProtection="1">
      <alignment horizontal="right"/>
    </xf>
    <xf numFmtId="10" fontId="15" fillId="0" borderId="30" xfId="1" applyNumberFormat="1" applyFont="1" applyFill="1" applyBorder="1" applyAlignment="1"/>
    <xf numFmtId="0" fontId="7" fillId="0" borderId="10" xfId="6" applyFont="1" applyFill="1" applyBorder="1" applyAlignment="1" applyProtection="1">
      <alignment horizontal="right" vertical="center"/>
    </xf>
    <xf numFmtId="0" fontId="7" fillId="0" borderId="10" xfId="0" applyFont="1" applyFill="1" applyBorder="1"/>
    <xf numFmtId="0" fontId="7" fillId="0" borderId="10" xfId="6" applyFont="1" applyFill="1" applyBorder="1" applyAlignment="1">
      <alignment vertical="center"/>
    </xf>
    <xf numFmtId="0" fontId="7" fillId="0" borderId="10" xfId="6" applyFont="1" applyFill="1" applyBorder="1" applyAlignment="1">
      <alignment horizontal="right" vertical="center"/>
    </xf>
    <xf numFmtId="0" fontId="11" fillId="0" borderId="23" xfId="5" applyFont="1" applyFill="1" applyBorder="1" applyAlignment="1">
      <alignment vertical="center"/>
    </xf>
    <xf numFmtId="0" fontId="11" fillId="0" borderId="5" xfId="5" applyFont="1" applyFill="1" applyBorder="1" applyAlignment="1">
      <alignment horizontal="right" vertical="center"/>
    </xf>
    <xf numFmtId="179" fontId="7" fillId="0" borderId="23" xfId="1" applyNumberFormat="1" applyFont="1" applyFill="1" applyBorder="1" applyAlignment="1" applyProtection="1">
      <alignment horizontal="right" vertical="center"/>
    </xf>
    <xf numFmtId="10" fontId="7" fillId="0" borderId="23" xfId="5" applyNumberFormat="1" applyFont="1" applyFill="1" applyBorder="1" applyAlignment="1" applyProtection="1">
      <alignment horizontal="right" vertical="center"/>
    </xf>
    <xf numFmtId="0" fontId="11" fillId="0" borderId="38" xfId="5" applyFont="1" applyFill="1" applyBorder="1" applyAlignment="1" applyProtection="1">
      <alignment horizontal="left" vertical="center"/>
    </xf>
    <xf numFmtId="0" fontId="16" fillId="0" borderId="38" xfId="0" applyFont="1" applyFill="1" applyBorder="1" applyAlignment="1">
      <alignment vertical="center"/>
    </xf>
    <xf numFmtId="0" fontId="11" fillId="0" borderId="38" xfId="5" applyFont="1" applyFill="1" applyBorder="1" applyAlignment="1" applyProtection="1">
      <alignment vertical="center"/>
    </xf>
    <xf numFmtId="0" fontId="11" fillId="0" borderId="28" xfId="5" applyFont="1" applyFill="1" applyBorder="1" applyAlignment="1" applyProtection="1">
      <alignment horizontal="center" vertical="center"/>
    </xf>
    <xf numFmtId="0" fontId="11" fillId="0" borderId="5" xfId="5" applyFont="1" applyFill="1" applyBorder="1" applyAlignment="1">
      <alignment horizontal="center" vertical="center"/>
    </xf>
    <xf numFmtId="176" fontId="11" fillId="0" borderId="5" xfId="5" applyNumberFormat="1" applyFont="1" applyFill="1" applyBorder="1" applyAlignment="1" applyProtection="1">
      <alignment horizontal="center" vertical="center"/>
    </xf>
    <xf numFmtId="176" fontId="11" fillId="0" borderId="6" xfId="5" applyNumberFormat="1" applyFont="1" applyFill="1" applyBorder="1" applyAlignment="1" applyProtection="1">
      <alignment horizontal="center" vertical="center"/>
    </xf>
    <xf numFmtId="38" fontId="11" fillId="0" borderId="34" xfId="2" applyFont="1" applyFill="1" applyBorder="1" applyAlignment="1">
      <alignment horizontal="right" vertical="center"/>
    </xf>
    <xf numFmtId="0" fontId="11" fillId="0" borderId="27" xfId="5" applyFont="1" applyFill="1" applyBorder="1" applyAlignment="1">
      <alignment horizontal="right" vertical="center"/>
    </xf>
    <xf numFmtId="0" fontId="17" fillId="0" borderId="4" xfId="5" applyFont="1" applyFill="1" applyBorder="1" applyAlignment="1">
      <alignment horizontal="right" vertical="center"/>
    </xf>
    <xf numFmtId="0" fontId="17" fillId="0" borderId="5" xfId="5" applyFont="1" applyFill="1" applyBorder="1" applyAlignment="1">
      <alignment horizontal="right" vertical="center"/>
    </xf>
    <xf numFmtId="0" fontId="11" fillId="0" borderId="4" xfId="5" applyFont="1" applyFill="1" applyBorder="1" applyAlignment="1">
      <alignment horizontal="right" vertical="center"/>
    </xf>
    <xf numFmtId="38" fontId="7" fillId="0" borderId="0" xfId="2" applyFont="1" applyFill="1"/>
    <xf numFmtId="38" fontId="15" fillId="0" borderId="0" xfId="2" applyFont="1" applyFill="1"/>
    <xf numFmtId="38" fontId="7" fillId="0" borderId="0" xfId="2" applyFont="1" applyFill="1" applyBorder="1"/>
    <xf numFmtId="10" fontId="7" fillId="0" borderId="6" xfId="2" applyNumberFormat="1" applyFont="1" applyFill="1" applyBorder="1" applyAlignment="1" applyProtection="1">
      <alignment horizontal="center" vertical="center"/>
    </xf>
    <xf numFmtId="10" fontId="7" fillId="0" borderId="3" xfId="2" applyNumberFormat="1" applyFont="1" applyFill="1" applyBorder="1" applyAlignment="1" applyProtection="1">
      <alignment horizontal="center" vertical="center"/>
    </xf>
    <xf numFmtId="10" fontId="7" fillId="0" borderId="6" xfId="5" applyNumberFormat="1" applyFont="1" applyFill="1" applyBorder="1" applyAlignment="1" applyProtection="1">
      <alignment horizontal="center" vertical="center"/>
    </xf>
    <xf numFmtId="10" fontId="15" fillId="0" borderId="5" xfId="1" applyNumberFormat="1" applyFont="1" applyFill="1" applyBorder="1" applyAlignment="1">
      <alignment horizontal="center"/>
    </xf>
    <xf numFmtId="10" fontId="15" fillId="0" borderId="12" xfId="1" applyNumberFormat="1" applyFont="1" applyFill="1" applyBorder="1" applyAlignment="1">
      <alignment horizontal="center"/>
    </xf>
    <xf numFmtId="178" fontId="11" fillId="0" borderId="1" xfId="3" applyNumberFormat="1" applyFont="1" applyFill="1" applyBorder="1" applyProtection="1"/>
    <xf numFmtId="178" fontId="11" fillId="0" borderId="15" xfId="3" applyNumberFormat="1" applyFont="1" applyFill="1" applyBorder="1" applyProtection="1"/>
    <xf numFmtId="178" fontId="11" fillId="0" borderId="17" xfId="3" applyNumberFormat="1" applyFont="1" applyFill="1" applyBorder="1" applyProtection="1"/>
    <xf numFmtId="177" fontId="11" fillId="0" borderId="17" xfId="3" applyNumberFormat="1" applyFont="1" applyFill="1" applyBorder="1" applyAlignment="1">
      <alignment horizontal="right"/>
    </xf>
    <xf numFmtId="37" fontId="11" fillId="0" borderId="17" xfId="3" applyFont="1" applyFill="1" applyBorder="1" applyProtection="1"/>
    <xf numFmtId="37" fontId="11" fillId="0" borderId="17" xfId="3" applyNumberFormat="1" applyFont="1" applyFill="1" applyBorder="1" applyProtection="1"/>
    <xf numFmtId="0" fontId="11" fillId="0" borderId="0" xfId="5" applyFont="1" applyFill="1" applyAlignment="1">
      <alignment vertical="center"/>
    </xf>
    <xf numFmtId="0" fontId="12" fillId="0" borderId="0" xfId="5" applyFont="1" applyFill="1" applyBorder="1" applyAlignment="1" applyProtection="1">
      <alignment vertical="center"/>
    </xf>
    <xf numFmtId="0" fontId="11" fillId="0" borderId="59" xfId="5" applyFont="1" applyFill="1" applyBorder="1" applyAlignment="1" applyProtection="1">
      <alignment horizontal="center" vertical="center"/>
    </xf>
    <xf numFmtId="0" fontId="11" fillId="0" borderId="28" xfId="5" quotePrefix="1" applyFont="1" applyFill="1" applyBorder="1" applyAlignment="1" applyProtection="1">
      <alignment horizontal="center" vertical="center"/>
    </xf>
    <xf numFmtId="56" fontId="11" fillId="0" borderId="28" xfId="5" quotePrefix="1" applyNumberFormat="1" applyFont="1" applyFill="1" applyBorder="1" applyAlignment="1" applyProtection="1">
      <alignment horizontal="center" vertical="center"/>
    </xf>
    <xf numFmtId="56" fontId="11" fillId="0" borderId="22" xfId="5" quotePrefix="1" applyNumberFormat="1" applyFont="1" applyFill="1" applyBorder="1" applyAlignment="1" applyProtection="1">
      <alignment horizontal="center" vertical="center"/>
    </xf>
    <xf numFmtId="0" fontId="11" fillId="0" borderId="22" xfId="5" applyFont="1" applyFill="1" applyBorder="1" applyAlignment="1" applyProtection="1">
      <alignment horizontal="center" vertical="center"/>
    </xf>
    <xf numFmtId="0" fontId="11" fillId="0" borderId="51" xfId="5" applyFont="1" applyFill="1" applyBorder="1" applyAlignment="1" applyProtection="1">
      <alignment horizontal="center" vertical="center"/>
    </xf>
    <xf numFmtId="3" fontId="11" fillId="0" borderId="5" xfId="5" applyNumberFormat="1" applyFont="1" applyFill="1" applyBorder="1" applyAlignment="1" applyProtection="1">
      <alignment horizontal="right" vertical="center"/>
    </xf>
    <xf numFmtId="38" fontId="11" fillId="0" borderId="5" xfId="2" applyFont="1" applyFill="1" applyBorder="1" applyAlignment="1" applyProtection="1">
      <alignment horizontal="right" vertical="center"/>
    </xf>
    <xf numFmtId="10" fontId="7" fillId="0" borderId="23" xfId="1" applyNumberFormat="1" applyFont="1" applyFill="1" applyBorder="1" applyAlignment="1" applyProtection="1">
      <alignment horizontal="right" vertical="center"/>
    </xf>
    <xf numFmtId="3" fontId="11" fillId="0" borderId="28" xfId="5" applyNumberFormat="1" applyFont="1" applyFill="1" applyBorder="1" applyAlignment="1">
      <alignment horizontal="right" vertical="center"/>
    </xf>
    <xf numFmtId="38" fontId="11" fillId="0" borderId="28" xfId="2" applyFont="1" applyFill="1" applyBorder="1" applyAlignment="1" applyProtection="1">
      <alignment horizontal="right" vertical="center"/>
    </xf>
    <xf numFmtId="179" fontId="7" fillId="0" borderId="22" xfId="1" applyNumberFormat="1" applyFont="1" applyFill="1" applyBorder="1" applyAlignment="1" applyProtection="1">
      <alignment horizontal="right" vertical="center"/>
    </xf>
    <xf numFmtId="10" fontId="7" fillId="0" borderId="22" xfId="1" applyNumberFormat="1" applyFont="1" applyFill="1" applyBorder="1" applyAlignment="1" applyProtection="1">
      <alignment horizontal="right" vertical="center"/>
    </xf>
    <xf numFmtId="3" fontId="11" fillId="0" borderId="5" xfId="5" applyNumberFormat="1" applyFont="1" applyFill="1" applyBorder="1" applyAlignment="1">
      <alignment horizontal="right" vertical="center"/>
    </xf>
    <xf numFmtId="179" fontId="7" fillId="0" borderId="5" xfId="1" applyNumberFormat="1" applyFont="1" applyFill="1" applyBorder="1" applyAlignment="1" applyProtection="1">
      <alignment horizontal="right" vertical="center"/>
    </xf>
    <xf numFmtId="179" fontId="7" fillId="0" borderId="23" xfId="1" applyNumberFormat="1" applyFont="1" applyFill="1" applyBorder="1" applyAlignment="1" applyProtection="1">
      <alignment horizontal="center" vertical="center"/>
    </xf>
    <xf numFmtId="3" fontId="11" fillId="0" borderId="27" xfId="5" applyNumberFormat="1" applyFont="1" applyFill="1" applyBorder="1" applyAlignment="1">
      <alignment horizontal="right" vertical="center"/>
    </xf>
    <xf numFmtId="38" fontId="11" fillId="0" borderId="27" xfId="2" applyFont="1" applyFill="1" applyBorder="1" applyAlignment="1" applyProtection="1">
      <alignment horizontal="right" vertical="center"/>
    </xf>
    <xf numFmtId="179" fontId="7" fillId="0" borderId="25" xfId="1" applyNumberFormat="1" applyFont="1" applyFill="1" applyBorder="1" applyAlignment="1" applyProtection="1">
      <alignment horizontal="right" vertical="center"/>
    </xf>
    <xf numFmtId="10" fontId="7" fillId="0" borderId="25" xfId="1" applyNumberFormat="1" applyFont="1" applyFill="1" applyBorder="1" applyAlignment="1" applyProtection="1">
      <alignment horizontal="right" vertical="center"/>
    </xf>
    <xf numFmtId="10" fontId="7" fillId="0" borderId="25" xfId="5" applyNumberFormat="1" applyFont="1" applyFill="1" applyBorder="1" applyAlignment="1" applyProtection="1">
      <alignment horizontal="right" vertical="center"/>
    </xf>
    <xf numFmtId="38" fontId="11" fillId="0" borderId="5" xfId="2" applyFont="1" applyFill="1" applyBorder="1" applyAlignment="1">
      <alignment horizontal="right" vertical="center"/>
    </xf>
    <xf numFmtId="38" fontId="11" fillId="0" borderId="5" xfId="5" applyNumberFormat="1" applyFont="1" applyFill="1" applyBorder="1" applyAlignment="1">
      <alignment horizontal="right" vertical="center"/>
    </xf>
    <xf numFmtId="3" fontId="11" fillId="0" borderId="5" xfId="0" applyNumberFormat="1" applyFont="1" applyFill="1" applyBorder="1" applyAlignment="1">
      <alignment horizontal="center" vertical="center"/>
    </xf>
    <xf numFmtId="179" fontId="7" fillId="0" borderId="2" xfId="1" applyNumberFormat="1" applyFont="1" applyFill="1" applyBorder="1" applyAlignment="1" applyProtection="1">
      <alignment horizontal="right" vertical="center"/>
    </xf>
    <xf numFmtId="10" fontId="7" fillId="0" borderId="17" xfId="1" applyNumberFormat="1" applyFont="1" applyFill="1" applyBorder="1" applyAlignment="1" applyProtection="1">
      <alignment horizontal="right" vertical="center"/>
    </xf>
    <xf numFmtId="38" fontId="11" fillId="0" borderId="27" xfId="2" applyFont="1" applyFill="1" applyBorder="1" applyAlignment="1" applyProtection="1">
      <alignment horizontal="center" vertical="center"/>
    </xf>
    <xf numFmtId="38" fontId="11" fillId="0" borderId="5" xfId="2" applyFont="1" applyFill="1" applyBorder="1" applyAlignment="1" applyProtection="1">
      <alignment horizontal="center" vertical="center"/>
    </xf>
    <xf numFmtId="179" fontId="7" fillId="0" borderId="5" xfId="1" applyNumberFormat="1" applyFont="1" applyFill="1" applyBorder="1" applyAlignment="1" applyProtection="1">
      <alignment horizontal="center" vertical="center"/>
    </xf>
    <xf numFmtId="10" fontId="7" fillId="0" borderId="5" xfId="5" applyNumberFormat="1" applyFont="1" applyFill="1" applyBorder="1" applyAlignment="1" applyProtection="1">
      <alignment horizontal="right" vertical="center"/>
    </xf>
    <xf numFmtId="3" fontId="11" fillId="0" borderId="27" xfId="5" applyNumberFormat="1" applyFont="1" applyFill="1" applyBorder="1" applyAlignment="1" applyProtection="1">
      <alignment horizontal="right" vertical="center"/>
    </xf>
    <xf numFmtId="179" fontId="7" fillId="0" borderId="27" xfId="1" applyNumberFormat="1" applyFont="1" applyFill="1" applyBorder="1" applyAlignment="1" applyProtection="1">
      <alignment horizontal="right" vertical="center"/>
    </xf>
    <xf numFmtId="10" fontId="7" fillId="0" borderId="27" xfId="5" applyNumberFormat="1" applyFont="1" applyFill="1" applyBorder="1" applyAlignment="1" applyProtection="1">
      <alignment horizontal="right" vertical="center"/>
    </xf>
    <xf numFmtId="0" fontId="11" fillId="0" borderId="5" xfId="5" applyFont="1" applyFill="1" applyBorder="1" applyAlignment="1" applyProtection="1">
      <alignment horizontal="right" vertical="center"/>
    </xf>
    <xf numFmtId="0" fontId="11" fillId="0" borderId="2" xfId="5" applyFont="1" applyFill="1" applyBorder="1" applyAlignment="1" applyProtection="1">
      <alignment horizontal="right" vertical="center"/>
    </xf>
    <xf numFmtId="38" fontId="11" fillId="0" borderId="2" xfId="2" applyFont="1" applyFill="1" applyBorder="1" applyAlignment="1" applyProtection="1">
      <alignment horizontal="right" vertical="center"/>
    </xf>
    <xf numFmtId="179" fontId="7" fillId="0" borderId="17" xfId="1" applyNumberFormat="1" applyFont="1" applyFill="1" applyBorder="1" applyAlignment="1" applyProtection="1">
      <alignment horizontal="right" vertical="center"/>
    </xf>
    <xf numFmtId="38" fontId="11" fillId="0" borderId="12" xfId="2" applyFont="1" applyFill="1" applyBorder="1" applyAlignment="1" applyProtection="1">
      <alignment horizontal="right" vertical="center"/>
    </xf>
    <xf numFmtId="0" fontId="11" fillId="0" borderId="12" xfId="5" applyFont="1" applyFill="1" applyBorder="1" applyAlignment="1" applyProtection="1">
      <alignment horizontal="right" vertical="center"/>
    </xf>
    <xf numFmtId="179" fontId="7" fillId="0" borderId="12" xfId="1" applyNumberFormat="1" applyFont="1" applyFill="1" applyBorder="1" applyAlignment="1" applyProtection="1">
      <alignment horizontal="right" vertical="center"/>
    </xf>
    <xf numFmtId="10" fontId="7" fillId="0" borderId="12" xfId="1" applyNumberFormat="1" applyFont="1" applyFill="1" applyBorder="1" applyAlignment="1" applyProtection="1">
      <alignment horizontal="right" vertical="center"/>
    </xf>
    <xf numFmtId="10" fontId="7" fillId="0" borderId="13" xfId="5" applyNumberFormat="1" applyFont="1" applyFill="1" applyBorder="1" applyAlignment="1" applyProtection="1">
      <alignment horizontal="right" vertical="center"/>
    </xf>
    <xf numFmtId="3" fontId="11" fillId="0" borderId="30" xfId="5" applyNumberFormat="1" applyFont="1" applyFill="1" applyBorder="1" applyAlignment="1" applyProtection="1">
      <alignment horizontal="right" vertical="center"/>
    </xf>
    <xf numFmtId="38" fontId="11" fillId="0" borderId="30" xfId="2" applyFont="1" applyFill="1" applyBorder="1" applyAlignment="1" applyProtection="1">
      <alignment horizontal="right" vertical="center"/>
    </xf>
    <xf numFmtId="179" fontId="7" fillId="0" borderId="30" xfId="1" applyNumberFormat="1" applyFont="1" applyFill="1" applyBorder="1" applyAlignment="1" applyProtection="1">
      <alignment horizontal="right" vertical="center"/>
    </xf>
    <xf numFmtId="179" fontId="7" fillId="0" borderId="26" xfId="1" applyNumberFormat="1" applyFont="1" applyFill="1" applyBorder="1" applyAlignment="1" applyProtection="1">
      <alignment horizontal="right" vertical="center"/>
    </xf>
    <xf numFmtId="10" fontId="7" fillId="0" borderId="26" xfId="1" applyNumberFormat="1" applyFont="1" applyFill="1" applyBorder="1" applyAlignment="1" applyProtection="1">
      <alignment horizontal="right" vertical="center"/>
    </xf>
    <xf numFmtId="10" fontId="7" fillId="0" borderId="26" xfId="5" applyNumberFormat="1" applyFont="1" applyFill="1" applyBorder="1" applyAlignment="1" applyProtection="1">
      <alignment horizontal="right" vertical="center"/>
    </xf>
    <xf numFmtId="10" fontId="7" fillId="0" borderId="31" xfId="5" applyNumberFormat="1" applyFont="1" applyFill="1" applyBorder="1" applyAlignment="1" applyProtection="1">
      <alignment horizontal="right" vertical="center"/>
    </xf>
    <xf numFmtId="0" fontId="11" fillId="0" borderId="0" xfId="5" applyFont="1" applyFill="1" applyBorder="1" applyAlignment="1">
      <alignment vertical="center"/>
    </xf>
    <xf numFmtId="3" fontId="11" fillId="0" borderId="0" xfId="5" applyNumberFormat="1" applyFont="1" applyFill="1" applyAlignment="1">
      <alignment vertical="center"/>
    </xf>
    <xf numFmtId="0" fontId="11" fillId="0" borderId="93" xfId="5" applyFont="1" applyFill="1" applyBorder="1" applyAlignment="1" applyProtection="1">
      <alignment horizontal="center" vertical="center"/>
    </xf>
    <xf numFmtId="3" fontId="11" fillId="0" borderId="49" xfId="5" applyNumberFormat="1" applyFont="1" applyFill="1" applyBorder="1" applyAlignment="1" applyProtection="1">
      <alignment horizontal="right" vertical="center"/>
    </xf>
    <xf numFmtId="38" fontId="11" fillId="0" borderId="23" xfId="2" applyFont="1" applyFill="1" applyBorder="1" applyAlignment="1" applyProtection="1">
      <alignment horizontal="right" vertical="center"/>
    </xf>
    <xf numFmtId="3" fontId="11" fillId="0" borderId="38" xfId="5" applyNumberFormat="1" applyFont="1" applyFill="1" applyBorder="1" applyAlignment="1" applyProtection="1">
      <alignment horizontal="right" vertical="center"/>
    </xf>
    <xf numFmtId="38" fontId="11" fillId="0" borderId="25" xfId="2" applyFont="1" applyFill="1" applyBorder="1" applyAlignment="1" applyProtection="1">
      <alignment horizontal="right" vertical="center"/>
    </xf>
    <xf numFmtId="3" fontId="11" fillId="0" borderId="49" xfId="5" applyNumberFormat="1" applyFont="1" applyFill="1" applyBorder="1" applyAlignment="1">
      <alignment horizontal="right" vertical="center"/>
    </xf>
    <xf numFmtId="3" fontId="11" fillId="0" borderId="2" xfId="5" applyNumberFormat="1" applyFont="1" applyFill="1" applyBorder="1" applyAlignment="1">
      <alignment horizontal="right" vertical="center"/>
    </xf>
    <xf numFmtId="3" fontId="11" fillId="0" borderId="15" xfId="5" applyNumberFormat="1" applyFont="1" applyFill="1" applyBorder="1" applyAlignment="1">
      <alignment horizontal="right" vertical="center"/>
    </xf>
    <xf numFmtId="38" fontId="11" fillId="0" borderId="2" xfId="2" applyFont="1" applyFill="1" applyBorder="1" applyAlignment="1">
      <alignment horizontal="right" vertical="center"/>
    </xf>
    <xf numFmtId="38" fontId="11" fillId="0" borderId="17" xfId="2" applyFont="1" applyFill="1" applyBorder="1" applyAlignment="1">
      <alignment horizontal="right" vertical="center"/>
    </xf>
    <xf numFmtId="0" fontId="11" fillId="0" borderId="2" xfId="5" applyFont="1" applyFill="1" applyBorder="1" applyAlignment="1">
      <alignment horizontal="right" vertical="center"/>
    </xf>
    <xf numFmtId="179" fontId="7" fillId="0" borderId="2" xfId="1" applyNumberFormat="1" applyFont="1" applyFill="1" applyBorder="1" applyAlignment="1" applyProtection="1">
      <alignment horizontal="center" vertical="center"/>
    </xf>
    <xf numFmtId="0" fontId="11" fillId="0" borderId="27" xfId="5" applyFont="1" applyFill="1" applyBorder="1" applyAlignment="1" applyProtection="1">
      <alignment horizontal="right" vertical="center"/>
    </xf>
    <xf numFmtId="38" fontId="11" fillId="0" borderId="38" xfId="2" applyFont="1" applyFill="1" applyBorder="1" applyAlignment="1" applyProtection="1">
      <alignment horizontal="right" vertical="center"/>
    </xf>
    <xf numFmtId="10" fontId="7" fillId="0" borderId="28" xfId="5" applyNumberFormat="1" applyFont="1" applyFill="1" applyBorder="1" applyAlignment="1" applyProtection="1">
      <alignment horizontal="right" vertical="center"/>
    </xf>
    <xf numFmtId="38" fontId="11" fillId="0" borderId="4" xfId="2" applyFont="1" applyFill="1" applyBorder="1" applyAlignment="1" applyProtection="1">
      <alignment horizontal="right" vertical="center"/>
    </xf>
    <xf numFmtId="38" fontId="11" fillId="0" borderId="49" xfId="2" applyFont="1" applyFill="1" applyBorder="1" applyAlignment="1" applyProtection="1">
      <alignment horizontal="right" vertical="center"/>
    </xf>
    <xf numFmtId="0" fontId="11" fillId="0" borderId="49" xfId="5" applyFont="1" applyFill="1" applyBorder="1" applyAlignment="1" applyProtection="1">
      <alignment horizontal="right" vertical="center"/>
    </xf>
    <xf numFmtId="10" fontId="7" fillId="0" borderId="5" xfId="5" applyNumberFormat="1" applyFont="1" applyFill="1" applyBorder="1" applyAlignment="1" applyProtection="1">
      <alignment horizontal="center" vertical="center"/>
    </xf>
    <xf numFmtId="0" fontId="11" fillId="0" borderId="4" xfId="5" applyFont="1" applyFill="1" applyBorder="1" applyAlignment="1" applyProtection="1">
      <alignment horizontal="right" vertical="center"/>
    </xf>
    <xf numFmtId="38" fontId="11" fillId="0" borderId="17" xfId="2" applyFont="1" applyFill="1" applyBorder="1" applyAlignment="1" applyProtection="1">
      <alignment horizontal="right" vertical="center"/>
    </xf>
    <xf numFmtId="38" fontId="11" fillId="0" borderId="27" xfId="2" applyFont="1" applyFill="1" applyBorder="1" applyAlignment="1">
      <alignment horizontal="right" vertical="center"/>
    </xf>
    <xf numFmtId="179" fontId="7" fillId="0" borderId="17" xfId="1" applyNumberFormat="1" applyFont="1" applyFill="1" applyBorder="1" applyAlignment="1" applyProtection="1">
      <alignment horizontal="center" vertical="center"/>
    </xf>
    <xf numFmtId="38" fontId="11" fillId="0" borderId="22" xfId="2" applyFont="1" applyFill="1" applyBorder="1" applyAlignment="1" applyProtection="1">
      <alignment horizontal="right" vertical="center"/>
    </xf>
    <xf numFmtId="38" fontId="11" fillId="0" borderId="13" xfId="2" applyFont="1" applyFill="1" applyBorder="1" applyAlignment="1" applyProtection="1">
      <alignment horizontal="right" vertical="center"/>
    </xf>
    <xf numFmtId="179" fontId="7" fillId="0" borderId="13" xfId="1" applyNumberFormat="1" applyFont="1" applyFill="1" applyBorder="1" applyAlignment="1" applyProtection="1">
      <alignment horizontal="right" vertical="center"/>
    </xf>
    <xf numFmtId="10" fontId="7" fillId="0" borderId="12" xfId="5" applyNumberFormat="1" applyFont="1" applyFill="1" applyBorder="1" applyAlignment="1" applyProtection="1">
      <alignment horizontal="right" vertical="center"/>
    </xf>
    <xf numFmtId="38" fontId="11" fillId="0" borderId="30" xfId="2" applyFont="1" applyFill="1" applyBorder="1" applyAlignment="1">
      <alignment horizontal="right" vertical="center"/>
    </xf>
    <xf numFmtId="38" fontId="11" fillId="0" borderId="78" xfId="2" applyFont="1" applyFill="1" applyBorder="1" applyAlignment="1" applyProtection="1">
      <alignment horizontal="right" vertical="center"/>
    </xf>
    <xf numFmtId="179" fontId="7" fillId="0" borderId="78" xfId="1" applyNumberFormat="1" applyFont="1" applyFill="1" applyBorder="1" applyAlignment="1" applyProtection="1">
      <alignment horizontal="right" vertical="center"/>
    </xf>
    <xf numFmtId="179" fontId="7" fillId="0" borderId="80" xfId="1" applyNumberFormat="1" applyFont="1" applyFill="1" applyBorder="1" applyAlignment="1" applyProtection="1">
      <alignment horizontal="right" vertical="center"/>
    </xf>
    <xf numFmtId="10" fontId="7" fillId="0" borderId="30" xfId="5" applyNumberFormat="1" applyFont="1" applyFill="1" applyBorder="1" applyAlignment="1" applyProtection="1">
      <alignment horizontal="right" vertical="center"/>
    </xf>
    <xf numFmtId="10" fontId="7" fillId="0" borderId="80" xfId="5" applyNumberFormat="1" applyFont="1" applyFill="1" applyBorder="1" applyAlignment="1" applyProtection="1">
      <alignment horizontal="right" vertical="center"/>
    </xf>
    <xf numFmtId="0" fontId="11" fillId="0" borderId="0" xfId="5" applyFont="1" applyFill="1"/>
    <xf numFmtId="0" fontId="11" fillId="0" borderId="0" xfId="5" applyFont="1" applyFill="1" applyAlignment="1"/>
    <xf numFmtId="56" fontId="11" fillId="0" borderId="0" xfId="5" applyNumberFormat="1" applyFont="1" applyFill="1"/>
    <xf numFmtId="0" fontId="11" fillId="0" borderId="27" xfId="5" applyFont="1" applyFill="1" applyBorder="1" applyAlignment="1" applyProtection="1">
      <alignment horizontal="center" vertical="center"/>
    </xf>
    <xf numFmtId="0" fontId="11" fillId="0" borderId="27" xfId="5" quotePrefix="1" applyFont="1" applyFill="1" applyBorder="1" applyAlignment="1" applyProtection="1">
      <alignment horizontal="center" vertical="center"/>
    </xf>
    <xf numFmtId="56" fontId="11" fillId="0" borderId="27" xfId="5" quotePrefix="1" applyNumberFormat="1" applyFont="1" applyFill="1" applyBorder="1" applyAlignment="1" applyProtection="1">
      <alignment horizontal="center" vertical="center"/>
    </xf>
    <xf numFmtId="180" fontId="11" fillId="0" borderId="5" xfId="2" applyNumberFormat="1" applyFont="1" applyFill="1" applyBorder="1" applyAlignment="1" applyProtection="1">
      <alignment horizontal="right" vertical="center"/>
    </xf>
    <xf numFmtId="180" fontId="11" fillId="0" borderId="49" xfId="2" applyNumberFormat="1" applyFont="1" applyFill="1" applyBorder="1" applyAlignment="1" applyProtection="1">
      <alignment horizontal="right" vertical="center"/>
    </xf>
    <xf numFmtId="180" fontId="11" fillId="0" borderId="23" xfId="2" applyNumberFormat="1" applyFont="1" applyFill="1" applyBorder="1" applyAlignment="1" applyProtection="1">
      <alignment vertical="center"/>
    </xf>
    <xf numFmtId="181" fontId="7" fillId="0" borderId="23" xfId="1" applyNumberFormat="1" applyFont="1" applyFill="1" applyBorder="1" applyAlignment="1" applyProtection="1">
      <alignment vertical="center"/>
    </xf>
    <xf numFmtId="38" fontId="11" fillId="0" borderId="79" xfId="2" applyFont="1" applyFill="1" applyBorder="1" applyAlignment="1" applyProtection="1">
      <alignment horizontal="right" vertical="center"/>
    </xf>
    <xf numFmtId="38" fontId="11" fillId="0" borderId="80" xfId="2" applyFont="1" applyFill="1" applyBorder="1" applyAlignment="1" applyProtection="1">
      <alignment vertical="center"/>
    </xf>
    <xf numFmtId="38" fontId="11" fillId="0" borderId="78" xfId="2" applyFont="1" applyFill="1" applyBorder="1" applyAlignment="1" applyProtection="1">
      <alignment vertical="center"/>
    </xf>
    <xf numFmtId="181" fontId="7" fillId="0" borderId="114" xfId="1" applyNumberFormat="1" applyFont="1" applyFill="1" applyBorder="1" applyAlignment="1" applyProtection="1">
      <alignment vertical="center"/>
    </xf>
    <xf numFmtId="176" fontId="11" fillId="0" borderId="8" xfId="5" applyNumberFormat="1" applyFont="1" applyFill="1" applyBorder="1" applyAlignment="1" applyProtection="1">
      <alignment horizontal="center" vertical="center"/>
    </xf>
    <xf numFmtId="10" fontId="11" fillId="0" borderId="8" xfId="5" applyNumberFormat="1" applyFont="1" applyFill="1" applyBorder="1" applyAlignment="1" applyProtection="1">
      <alignment horizontal="center" vertical="center"/>
    </xf>
    <xf numFmtId="10" fontId="11" fillId="0" borderId="84" xfId="5" applyNumberFormat="1" applyFont="1" applyFill="1" applyBorder="1" applyAlignment="1" applyProtection="1">
      <alignment horizontal="center" vertical="center"/>
    </xf>
    <xf numFmtId="0" fontId="11" fillId="0" borderId="35" xfId="5" applyFont="1" applyFill="1" applyBorder="1" applyAlignment="1" applyProtection="1">
      <alignment horizontal="center" vertical="center"/>
    </xf>
    <xf numFmtId="0" fontId="11" fillId="0" borderId="3" xfId="5" applyFont="1" applyFill="1" applyBorder="1" applyAlignment="1" applyProtection="1">
      <alignment horizontal="right" vertical="center"/>
    </xf>
    <xf numFmtId="180" fontId="21" fillId="0" borderId="6" xfId="2" applyNumberFormat="1" applyFont="1" applyFill="1" applyBorder="1" applyAlignment="1" applyProtection="1">
      <alignment vertical="center"/>
    </xf>
    <xf numFmtId="180" fontId="21" fillId="0" borderId="6" xfId="2" applyNumberFormat="1" applyFont="1" applyFill="1" applyBorder="1" applyAlignment="1" applyProtection="1">
      <alignment horizontal="right" vertical="center"/>
    </xf>
    <xf numFmtId="180" fontId="21" fillId="0" borderId="6" xfId="5" applyNumberFormat="1" applyFont="1" applyFill="1" applyBorder="1" applyAlignment="1" applyProtection="1">
      <alignment vertical="center"/>
    </xf>
    <xf numFmtId="180" fontId="21" fillId="0" borderId="6" xfId="2" applyNumberFormat="1" applyFont="1" applyFill="1" applyBorder="1" applyAlignment="1">
      <alignment vertical="center"/>
    </xf>
    <xf numFmtId="38" fontId="11" fillId="0" borderId="6" xfId="2" applyFont="1" applyFill="1" applyBorder="1" applyAlignment="1" applyProtection="1">
      <alignment horizontal="right" vertical="center"/>
    </xf>
    <xf numFmtId="180" fontId="21" fillId="0" borderId="9" xfId="2" applyNumberFormat="1" applyFont="1" applyFill="1" applyBorder="1" applyAlignment="1">
      <alignment vertical="center"/>
    </xf>
    <xf numFmtId="0" fontId="11" fillId="0" borderId="0" xfId="5" applyFont="1" applyFill="1" applyBorder="1" applyAlignment="1" applyProtection="1"/>
    <xf numFmtId="0" fontId="11" fillId="0" borderId="0" xfId="5" applyFont="1" applyFill="1" applyBorder="1" applyAlignment="1" applyProtection="1">
      <alignment horizontal="centerContinuous"/>
    </xf>
    <xf numFmtId="0" fontId="11" fillId="0" borderId="0" xfId="5" applyFont="1" applyFill="1" applyBorder="1" applyAlignment="1">
      <alignment horizontal="centerContinuous"/>
    </xf>
    <xf numFmtId="38" fontId="11" fillId="0" borderId="0" xfId="2" applyFont="1" applyFill="1" applyBorder="1" applyAlignment="1">
      <alignment horizontal="right"/>
    </xf>
    <xf numFmtId="180" fontId="21" fillId="0" borderId="9" xfId="2" applyNumberFormat="1" applyFont="1" applyFill="1" applyBorder="1" applyAlignment="1" applyProtection="1">
      <alignment horizontal="right" vertical="center"/>
    </xf>
    <xf numFmtId="0" fontId="11" fillId="0" borderId="0" xfId="5" applyFont="1" applyFill="1" applyBorder="1" applyAlignment="1" applyProtection="1">
      <alignment horizontal="center"/>
    </xf>
    <xf numFmtId="180" fontId="21" fillId="0" borderId="102" xfId="2" applyNumberFormat="1" applyFont="1" applyFill="1" applyBorder="1" applyAlignment="1">
      <alignment horizontal="right" vertical="center"/>
    </xf>
    <xf numFmtId="180" fontId="21" fillId="0" borderId="102" xfId="2" applyNumberFormat="1" applyFont="1" applyFill="1" applyBorder="1" applyAlignment="1" applyProtection="1">
      <alignment horizontal="right" vertical="center"/>
    </xf>
    <xf numFmtId="180" fontId="21" fillId="0" borderId="6" xfId="2" applyNumberFormat="1" applyFont="1" applyFill="1" applyBorder="1" applyAlignment="1">
      <alignment horizontal="right" vertical="center"/>
    </xf>
    <xf numFmtId="180" fontId="21" fillId="0" borderId="9" xfId="2" applyNumberFormat="1" applyFont="1" applyFill="1" applyBorder="1" applyAlignment="1">
      <alignment horizontal="right" vertical="center"/>
    </xf>
    <xf numFmtId="38" fontId="11" fillId="0" borderId="0" xfId="2" applyFont="1" applyFill="1" applyBorder="1" applyAlignment="1">
      <alignment horizontal="right" vertical="center"/>
    </xf>
    <xf numFmtId="0" fontId="11" fillId="0" borderId="0" xfId="5" applyFont="1" applyFill="1" applyBorder="1" applyAlignment="1" applyProtection="1">
      <alignment horizontal="left"/>
    </xf>
    <xf numFmtId="0" fontId="0" fillId="0" borderId="0" xfId="5" applyFont="1" applyFill="1" applyBorder="1" applyAlignment="1" applyProtection="1">
      <alignment horizontal="left" vertical="center"/>
    </xf>
    <xf numFmtId="0" fontId="16" fillId="0" borderId="0" xfId="5" applyFont="1" applyFill="1" applyBorder="1" applyAlignment="1" applyProtection="1">
      <alignment horizontal="left" vertical="center"/>
    </xf>
    <xf numFmtId="0" fontId="7" fillId="0" borderId="0" xfId="7" applyFont="1" applyFill="1" applyAlignment="1">
      <alignment vertical="center"/>
    </xf>
    <xf numFmtId="0" fontId="11" fillId="0" borderId="65" xfId="5" applyFont="1" applyFill="1" applyBorder="1" applyAlignment="1" applyProtection="1">
      <alignment horizontal="center" vertical="center"/>
    </xf>
    <xf numFmtId="0" fontId="11" fillId="0" borderId="52" xfId="5" applyFont="1" applyFill="1" applyBorder="1" applyAlignment="1" applyProtection="1">
      <alignment horizontal="right" vertical="center"/>
    </xf>
    <xf numFmtId="180" fontId="21" fillId="0" borderId="47" xfId="2" applyNumberFormat="1" applyFont="1" applyFill="1" applyBorder="1" applyAlignment="1" applyProtection="1">
      <alignment horizontal="right" vertical="center"/>
    </xf>
    <xf numFmtId="38" fontId="15" fillId="0" borderId="23" xfId="2" applyFont="1" applyFill="1" applyBorder="1" applyAlignment="1" applyProtection="1"/>
    <xf numFmtId="38" fontId="15" fillId="0" borderId="5" xfId="2" applyFont="1" applyFill="1" applyBorder="1" applyAlignment="1" applyProtection="1"/>
    <xf numFmtId="38" fontId="15" fillId="0" borderId="6" xfId="2" applyFont="1" applyFill="1" applyBorder="1" applyAlignment="1" applyProtection="1"/>
    <xf numFmtId="38" fontId="15" fillId="0" borderId="49" xfId="2" applyFont="1" applyFill="1" applyBorder="1" applyAlignment="1" applyProtection="1"/>
    <xf numFmtId="38" fontId="15" fillId="0" borderId="49" xfId="2" applyFont="1" applyFill="1" applyBorder="1" applyAlignment="1" applyProtection="1">
      <alignment horizontal="right"/>
    </xf>
    <xf numFmtId="38" fontId="15" fillId="0" borderId="4" xfId="2" applyFont="1" applyFill="1" applyBorder="1" applyAlignment="1" applyProtection="1">
      <alignment horizontal="center"/>
    </xf>
    <xf numFmtId="38" fontId="15" fillId="0" borderId="4" xfId="2" applyFont="1" applyFill="1" applyBorder="1" applyAlignment="1" applyProtection="1">
      <alignment horizontal="right"/>
    </xf>
    <xf numFmtId="38" fontId="15" fillId="0" borderId="4" xfId="2" applyFont="1" applyFill="1" applyBorder="1" applyAlignment="1" applyProtection="1"/>
    <xf numFmtId="38" fontId="15" fillId="0" borderId="25" xfId="2" applyFont="1" applyFill="1" applyBorder="1" applyAlignment="1" applyProtection="1"/>
    <xf numFmtId="38" fontId="15" fillId="0" borderId="27" xfId="2" applyFont="1" applyFill="1" applyBorder="1" applyAlignment="1" applyProtection="1"/>
    <xf numFmtId="38" fontId="15" fillId="0" borderId="27" xfId="2" applyFont="1" applyFill="1" applyBorder="1" applyAlignment="1" applyProtection="1">
      <alignment horizontal="center"/>
    </xf>
    <xf numFmtId="38" fontId="15" fillId="0" borderId="35" xfId="2" applyFont="1" applyFill="1" applyBorder="1" applyAlignment="1" applyProtection="1"/>
    <xf numFmtId="38" fontId="15" fillId="0" borderId="34" xfId="2" applyFont="1" applyFill="1" applyBorder="1" applyAlignment="1" applyProtection="1">
      <alignment horizontal="center"/>
    </xf>
    <xf numFmtId="38" fontId="15" fillId="0" borderId="34" xfId="2" applyFont="1" applyFill="1" applyBorder="1" applyAlignment="1" applyProtection="1">
      <alignment horizontal="right"/>
    </xf>
    <xf numFmtId="38" fontId="15" fillId="0" borderId="27" xfId="2" applyFont="1" applyFill="1" applyBorder="1" applyAlignment="1" applyProtection="1">
      <alignment horizontal="right"/>
    </xf>
    <xf numFmtId="38" fontId="15" fillId="0" borderId="35" xfId="2" applyFont="1" applyFill="1" applyBorder="1" applyAlignment="1" applyProtection="1">
      <alignment horizontal="center"/>
    </xf>
    <xf numFmtId="38" fontId="15" fillId="0" borderId="38" xfId="2" applyFont="1" applyFill="1" applyBorder="1" applyAlignment="1" applyProtection="1"/>
    <xf numFmtId="38" fontId="15" fillId="0" borderId="34" xfId="2" applyFont="1" applyFill="1" applyBorder="1" applyAlignment="1" applyProtection="1"/>
    <xf numFmtId="38" fontId="15" fillId="0" borderId="12" xfId="2" quotePrefix="1" applyFont="1" applyFill="1" applyBorder="1" applyAlignment="1" applyProtection="1">
      <alignment horizontal="center" vertical="center"/>
    </xf>
    <xf numFmtId="38" fontId="15" fillId="0" borderId="54" xfId="2" quotePrefix="1" applyFont="1" applyFill="1" applyBorder="1" applyAlignment="1" applyProtection="1">
      <alignment horizontal="center" vertical="center"/>
    </xf>
    <xf numFmtId="38" fontId="15" fillId="0" borderId="11" xfId="2" applyFont="1" applyFill="1" applyBorder="1" applyAlignment="1" applyProtection="1"/>
    <xf numFmtId="38" fontId="15" fillId="0" borderId="54" xfId="2" applyFont="1" applyFill="1" applyBorder="1" applyAlignment="1" applyProtection="1"/>
    <xf numFmtId="38" fontId="15" fillId="0" borderId="17" xfId="2" quotePrefix="1" applyFont="1" applyFill="1" applyBorder="1" applyAlignment="1" applyProtection="1">
      <alignment horizontal="center" vertical="center"/>
    </xf>
    <xf numFmtId="38" fontId="15" fillId="0" borderId="2" xfId="2" quotePrefix="1" applyFont="1" applyFill="1" applyBorder="1" applyAlignment="1" applyProtection="1">
      <alignment horizontal="center" vertical="center"/>
    </xf>
    <xf numFmtId="38" fontId="15" fillId="0" borderId="3" xfId="2" quotePrefix="1" applyFont="1" applyFill="1" applyBorder="1" applyAlignment="1" applyProtection="1">
      <alignment horizontal="center" vertical="center"/>
    </xf>
    <xf numFmtId="38" fontId="15" fillId="0" borderId="120" xfId="2" quotePrefix="1" applyFont="1" applyFill="1" applyBorder="1" applyAlignment="1" applyProtection="1">
      <alignment horizontal="center" vertical="center"/>
    </xf>
    <xf numFmtId="38" fontId="15" fillId="0" borderId="64" xfId="2" quotePrefix="1" applyFont="1" applyFill="1" applyBorder="1" applyAlignment="1" applyProtection="1">
      <alignment horizontal="center" vertical="center"/>
    </xf>
    <xf numFmtId="38" fontId="15" fillId="0" borderId="15" xfId="2" quotePrefix="1" applyFont="1" applyFill="1" applyBorder="1" applyAlignment="1" applyProtection="1"/>
    <xf numFmtId="38" fontId="15" fillId="0" borderId="64" xfId="2" quotePrefix="1" applyFont="1" applyFill="1" applyBorder="1" applyAlignment="1" applyProtection="1"/>
    <xf numFmtId="38" fontId="15" fillId="0" borderId="2" xfId="2" quotePrefix="1" applyFont="1" applyFill="1" applyBorder="1" applyAlignment="1" applyProtection="1"/>
    <xf numFmtId="38" fontId="15" fillId="0" borderId="72" xfId="2" quotePrefix="1" applyFont="1" applyFill="1" applyBorder="1" applyAlignment="1" applyProtection="1"/>
    <xf numFmtId="38" fontId="15" fillId="0" borderId="83" xfId="2" applyFont="1" applyFill="1" applyBorder="1" applyAlignment="1" applyProtection="1"/>
    <xf numFmtId="38" fontId="15" fillId="0" borderId="117" xfId="2" quotePrefix="1" applyFont="1" applyFill="1" applyBorder="1" applyAlignment="1" applyProtection="1">
      <alignment horizontal="center" vertical="center"/>
    </xf>
    <xf numFmtId="38" fontId="15" fillId="0" borderId="15" xfId="2" applyFont="1" applyFill="1" applyBorder="1" applyAlignment="1" applyProtection="1"/>
    <xf numFmtId="38" fontId="15" fillId="0" borderId="1" xfId="2" applyFont="1" applyFill="1" applyBorder="1" applyAlignment="1" applyProtection="1"/>
    <xf numFmtId="38" fontId="15" fillId="0" borderId="1" xfId="2" quotePrefix="1" applyFont="1" applyFill="1" applyBorder="1" applyAlignment="1" applyProtection="1"/>
    <xf numFmtId="38" fontId="15" fillId="0" borderId="5" xfId="2" quotePrefix="1" applyFont="1" applyFill="1" applyBorder="1" applyAlignment="1" applyProtection="1">
      <alignment horizontal="center" vertical="center"/>
    </xf>
    <xf numFmtId="38" fontId="15" fillId="0" borderId="4" xfId="2" quotePrefix="1" applyFont="1" applyFill="1" applyBorder="1" applyAlignment="1" applyProtection="1"/>
    <xf numFmtId="38" fontId="15" fillId="0" borderId="5" xfId="2" quotePrefix="1" applyFont="1" applyFill="1" applyBorder="1" applyAlignment="1" applyProtection="1"/>
    <xf numFmtId="38" fontId="15" fillId="0" borderId="23" xfId="2" quotePrefix="1" applyFont="1" applyFill="1" applyBorder="1" applyAlignment="1" applyProtection="1"/>
    <xf numFmtId="38" fontId="15" fillId="0" borderId="23" xfId="2" quotePrefix="1" applyFont="1" applyFill="1" applyBorder="1" applyAlignment="1" applyProtection="1">
      <alignment horizontal="center" vertical="center"/>
    </xf>
    <xf numFmtId="38" fontId="15" fillId="0" borderId="6" xfId="2" quotePrefix="1" applyFont="1" applyFill="1" applyBorder="1" applyAlignment="1" applyProtection="1">
      <alignment horizontal="center" vertical="center"/>
    </xf>
    <xf numFmtId="38" fontId="15" fillId="0" borderId="49" xfId="2" quotePrefix="1" applyFont="1" applyFill="1" applyBorder="1" applyAlignment="1" applyProtection="1"/>
    <xf numFmtId="38" fontId="15" fillId="0" borderId="19" xfId="2" quotePrefix="1" applyFont="1" applyFill="1" applyBorder="1" applyAlignment="1" applyProtection="1">
      <alignment horizontal="center" vertical="center"/>
    </xf>
    <xf numFmtId="38" fontId="15" fillId="0" borderId="37" xfId="2" applyFont="1" applyFill="1" applyBorder="1" applyAlignment="1" applyProtection="1"/>
    <xf numFmtId="38" fontId="15" fillId="0" borderId="73" xfId="2" applyFont="1" applyFill="1" applyBorder="1" applyAlignment="1" applyProtection="1"/>
    <xf numFmtId="38" fontId="15" fillId="0" borderId="17" xfId="2" quotePrefix="1" applyFont="1" applyFill="1" applyBorder="1" applyAlignment="1" applyProtection="1">
      <alignment horizontal="right" vertical="center"/>
    </xf>
    <xf numFmtId="38" fontId="15" fillId="0" borderId="3" xfId="2" applyFont="1" applyFill="1" applyBorder="1" applyAlignment="1" applyProtection="1"/>
    <xf numFmtId="38" fontId="15" fillId="0" borderId="19" xfId="2" applyFont="1" applyFill="1" applyBorder="1" applyAlignment="1" applyProtection="1"/>
    <xf numFmtId="177" fontId="15" fillId="0" borderId="17" xfId="2" quotePrefix="1" applyNumberFormat="1" applyFont="1" applyFill="1" applyBorder="1" applyAlignment="1" applyProtection="1">
      <alignment horizontal="right" vertical="center"/>
    </xf>
    <xf numFmtId="38" fontId="15" fillId="0" borderId="66" xfId="2" applyFont="1" applyFill="1" applyBorder="1" applyAlignment="1" applyProtection="1"/>
    <xf numFmtId="38" fontId="15" fillId="0" borderId="61" xfId="2" applyFont="1" applyFill="1" applyBorder="1" applyAlignment="1" applyProtection="1"/>
    <xf numFmtId="38" fontId="15" fillId="0" borderId="26" xfId="2" applyFont="1" applyFill="1" applyBorder="1" applyAlignment="1" applyProtection="1"/>
    <xf numFmtId="38" fontId="15" fillId="0" borderId="31" xfId="2" applyFont="1" applyFill="1" applyBorder="1" applyAlignment="1" applyProtection="1"/>
    <xf numFmtId="38" fontId="15" fillId="0" borderId="30" xfId="2" applyFont="1" applyFill="1" applyBorder="1" applyAlignment="1" applyProtection="1"/>
    <xf numFmtId="38" fontId="15" fillId="0" borderId="5" xfId="12" applyFont="1" applyFill="1" applyBorder="1" applyAlignment="1" applyProtection="1"/>
    <xf numFmtId="38" fontId="15" fillId="0" borderId="23" xfId="12" applyFont="1" applyFill="1" applyBorder="1" applyAlignment="1" applyProtection="1"/>
    <xf numFmtId="38" fontId="15" fillId="0" borderId="6" xfId="12" applyFont="1" applyFill="1" applyBorder="1" applyAlignment="1" applyProtection="1"/>
    <xf numFmtId="38" fontId="15" fillId="0" borderId="23" xfId="12" applyFont="1" applyFill="1" applyBorder="1" applyAlignment="1" applyProtection="1">
      <alignment horizontal="center"/>
    </xf>
    <xf numFmtId="38" fontId="15" fillId="0" borderId="6" xfId="12" applyFont="1" applyFill="1" applyBorder="1" applyAlignment="1" applyProtection="1">
      <alignment horizontal="center"/>
    </xf>
    <xf numFmtId="38" fontId="15" fillId="0" borderId="5" xfId="12" applyFont="1" applyFill="1" applyBorder="1" applyAlignment="1" applyProtection="1">
      <alignment horizontal="right" justifyLastLine="1"/>
    </xf>
    <xf numFmtId="38" fontId="15" fillId="0" borderId="4" xfId="12" applyFont="1" applyFill="1" applyBorder="1" applyAlignment="1" applyProtection="1">
      <alignment horizontal="right" justifyLastLine="1"/>
    </xf>
    <xf numFmtId="38" fontId="15" fillId="0" borderId="5" xfId="12" applyFont="1" applyFill="1" applyBorder="1" applyAlignment="1" applyProtection="1">
      <alignment horizontal="right"/>
    </xf>
    <xf numFmtId="0" fontId="15" fillId="0" borderId="4" xfId="0" applyFont="1" applyFill="1" applyBorder="1" applyAlignment="1">
      <alignment horizontal="center" justifyLastLine="1"/>
    </xf>
    <xf numFmtId="180" fontId="15" fillId="0" borderId="5" xfId="2" applyNumberFormat="1" applyFont="1" applyFill="1" applyBorder="1" applyAlignment="1" applyProtection="1"/>
    <xf numFmtId="180" fontId="15" fillId="0" borderId="6" xfId="2" applyNumberFormat="1" applyFont="1" applyFill="1" applyBorder="1" applyAlignment="1"/>
    <xf numFmtId="38" fontId="15" fillId="0" borderId="2" xfId="12" applyFont="1" applyFill="1" applyBorder="1" applyAlignment="1" applyProtection="1"/>
    <xf numFmtId="38" fontId="15" fillId="0" borderId="17" xfId="12" applyFont="1" applyFill="1" applyBorder="1" applyAlignment="1" applyProtection="1"/>
    <xf numFmtId="38" fontId="15" fillId="0" borderId="3" xfId="12" applyFont="1" applyFill="1" applyBorder="1" applyAlignment="1" applyProtection="1"/>
    <xf numFmtId="38" fontId="15" fillId="0" borderId="17" xfId="12" applyFont="1" applyFill="1" applyBorder="1" applyAlignment="1" applyProtection="1">
      <alignment horizontal="center"/>
    </xf>
    <xf numFmtId="38" fontId="15" fillId="0" borderId="3" xfId="12" applyFont="1" applyFill="1" applyBorder="1" applyAlignment="1" applyProtection="1">
      <alignment horizontal="center"/>
    </xf>
    <xf numFmtId="38" fontId="15" fillId="0" borderId="2" xfId="12" applyFont="1" applyFill="1" applyBorder="1" applyAlignment="1" applyProtection="1">
      <alignment horizontal="right" justifyLastLine="1"/>
    </xf>
    <xf numFmtId="38" fontId="15" fillId="0" borderId="1" xfId="12" applyFont="1" applyFill="1" applyBorder="1" applyAlignment="1" applyProtection="1">
      <alignment horizontal="right" justifyLastLine="1"/>
    </xf>
    <xf numFmtId="38" fontId="15" fillId="0" borderId="2" xfId="12" applyFont="1" applyFill="1" applyBorder="1" applyAlignment="1" applyProtection="1">
      <alignment horizontal="right"/>
    </xf>
    <xf numFmtId="0" fontId="15" fillId="0" borderId="1" xfId="7" applyFont="1" applyFill="1" applyBorder="1" applyAlignment="1" applyProtection="1">
      <alignment horizontal="center" justifyLastLine="1"/>
    </xf>
    <xf numFmtId="180" fontId="15" fillId="0" borderId="2" xfId="2" applyNumberFormat="1" applyFont="1" applyFill="1" applyBorder="1" applyAlignment="1" applyProtection="1"/>
    <xf numFmtId="180" fontId="15" fillId="0" borderId="3" xfId="2" applyNumberFormat="1" applyFont="1" applyFill="1" applyBorder="1" applyAlignment="1"/>
    <xf numFmtId="38" fontId="15" fillId="0" borderId="23" xfId="12" applyFont="1" applyFill="1" applyBorder="1" applyAlignment="1" applyProtection="1">
      <alignment horizontal="right"/>
    </xf>
    <xf numFmtId="38" fontId="15" fillId="0" borderId="6" xfId="12" applyFont="1" applyFill="1" applyBorder="1" applyAlignment="1" applyProtection="1">
      <alignment horizontal="right"/>
    </xf>
    <xf numFmtId="38" fontId="15" fillId="0" borderId="5" xfId="12" applyFont="1" applyFill="1" applyBorder="1" applyAlignment="1" applyProtection="1">
      <alignment horizontal="center"/>
    </xf>
    <xf numFmtId="0" fontId="15" fillId="0" borderId="4" xfId="0" applyFont="1" applyFill="1" applyBorder="1" applyAlignment="1">
      <alignment horizontal="right" justifyLastLine="1"/>
    </xf>
    <xf numFmtId="38" fontId="15" fillId="0" borderId="27" xfId="12" applyFont="1" applyFill="1" applyBorder="1" applyAlignment="1" applyProtection="1"/>
    <xf numFmtId="38" fontId="15" fillId="0" borderId="25" xfId="12" applyFont="1" applyFill="1" applyBorder="1" applyAlignment="1" applyProtection="1"/>
    <xf numFmtId="38" fontId="15" fillId="0" borderId="35" xfId="12" applyFont="1" applyFill="1" applyBorder="1" applyAlignment="1" applyProtection="1"/>
    <xf numFmtId="38" fontId="15" fillId="0" borderId="25" xfId="12" applyFont="1" applyFill="1" applyBorder="1" applyAlignment="1" applyProtection="1">
      <alignment horizontal="right"/>
    </xf>
    <xf numFmtId="38" fontId="15" fillId="0" borderId="35" xfId="12" applyFont="1" applyFill="1" applyBorder="1" applyAlignment="1" applyProtection="1">
      <alignment horizontal="right"/>
    </xf>
    <xf numFmtId="38" fontId="15" fillId="0" borderId="27" xfId="12" applyFont="1" applyFill="1" applyBorder="1" applyAlignment="1" applyProtection="1">
      <alignment horizontal="right" justifyLastLine="1"/>
    </xf>
    <xf numFmtId="38" fontId="15" fillId="0" borderId="34" xfId="12" applyFont="1" applyFill="1" applyBorder="1" applyAlignment="1" applyProtection="1">
      <alignment horizontal="right" justifyLastLine="1"/>
    </xf>
    <xf numFmtId="38" fontId="15" fillId="0" borderId="27" xfId="12" applyFont="1" applyFill="1" applyBorder="1" applyAlignment="1" applyProtection="1">
      <alignment horizontal="right"/>
    </xf>
    <xf numFmtId="38" fontId="15" fillId="0" borderId="27" xfId="12" applyFont="1" applyFill="1" applyBorder="1" applyAlignment="1" applyProtection="1">
      <alignment horizontal="center"/>
    </xf>
    <xf numFmtId="38" fontId="15" fillId="0" borderId="25" xfId="12" applyFont="1" applyFill="1" applyBorder="1" applyAlignment="1" applyProtection="1">
      <alignment horizontal="center"/>
    </xf>
    <xf numFmtId="0" fontId="15" fillId="0" borderId="34" xfId="0" applyFont="1" applyFill="1" applyBorder="1" applyAlignment="1">
      <alignment horizontal="right" justifyLastLine="1"/>
    </xf>
    <xf numFmtId="180" fontId="15" fillId="0" borderId="27" xfId="2" applyNumberFormat="1" applyFont="1" applyFill="1" applyBorder="1" applyAlignment="1" applyProtection="1"/>
    <xf numFmtId="180" fontId="15" fillId="0" borderId="35" xfId="2" applyNumberFormat="1" applyFont="1" applyFill="1" applyBorder="1" applyAlignment="1"/>
    <xf numFmtId="38" fontId="15" fillId="0" borderId="3" xfId="2" quotePrefix="1" applyFont="1" applyFill="1" applyBorder="1" applyAlignment="1" applyProtection="1"/>
    <xf numFmtId="37" fontId="15" fillId="0" borderId="17" xfId="3" applyFont="1" applyFill="1" applyBorder="1" applyAlignment="1" applyProtection="1">
      <alignment horizontal="right"/>
    </xf>
    <xf numFmtId="38" fontId="15" fillId="0" borderId="2" xfId="2" applyFont="1" applyFill="1" applyBorder="1" applyAlignment="1" applyProtection="1">
      <alignment horizontal="right"/>
    </xf>
    <xf numFmtId="38" fontId="15" fillId="0" borderId="117" xfId="2" quotePrefix="1" applyFont="1" applyFill="1" applyBorder="1" applyAlignment="1" applyProtection="1"/>
    <xf numFmtId="38" fontId="15" fillId="0" borderId="6" xfId="2" quotePrefix="1" applyFont="1" applyFill="1" applyBorder="1" applyAlignment="1" applyProtection="1"/>
    <xf numFmtId="38" fontId="15" fillId="0" borderId="117" xfId="2" applyFont="1" applyFill="1" applyBorder="1" applyAlignment="1" applyProtection="1"/>
    <xf numFmtId="37" fontId="15" fillId="0" borderId="23" xfId="3" applyFont="1" applyFill="1" applyBorder="1" applyAlignment="1" applyProtection="1">
      <alignment horizontal="right"/>
    </xf>
    <xf numFmtId="38" fontId="15" fillId="0" borderId="5" xfId="2" applyFont="1" applyFill="1" applyBorder="1" applyAlignment="1" applyProtection="1">
      <alignment horizontal="right"/>
    </xf>
    <xf numFmtId="180" fontId="15" fillId="0" borderId="5" xfId="2" quotePrefix="1" applyNumberFormat="1" applyFont="1" applyFill="1" applyBorder="1" applyAlignment="1" applyProtection="1"/>
    <xf numFmtId="180" fontId="15" fillId="0" borderId="2" xfId="2" quotePrefix="1" applyNumberFormat="1" applyFont="1" applyFill="1" applyBorder="1" applyAlignment="1" applyProtection="1">
      <alignment horizontal="right"/>
    </xf>
    <xf numFmtId="38" fontId="15" fillId="0" borderId="67" xfId="2" quotePrefix="1" applyFont="1" applyFill="1" applyBorder="1" applyAlignment="1" applyProtection="1"/>
    <xf numFmtId="37" fontId="15" fillId="0" borderId="56" xfId="0" applyNumberFormat="1" applyFont="1" applyFill="1" applyBorder="1" applyAlignment="1">
      <alignment horizontal="right" justifyLastLine="1"/>
    </xf>
    <xf numFmtId="180" fontId="15" fillId="0" borderId="56" xfId="2" applyNumberFormat="1" applyFont="1" applyFill="1" applyBorder="1" applyAlignment="1">
      <alignment horizontal="right" justifyLastLine="1"/>
    </xf>
    <xf numFmtId="180" fontId="15" fillId="0" borderId="37" xfId="2" quotePrefix="1" applyNumberFormat="1" applyFont="1" applyFill="1" applyBorder="1" applyAlignment="1" applyProtection="1">
      <alignment horizontal="right"/>
    </xf>
    <xf numFmtId="180" fontId="15" fillId="0" borderId="37" xfId="2" quotePrefix="1" applyNumberFormat="1" applyFont="1" applyFill="1" applyBorder="1" applyAlignment="1" applyProtection="1"/>
    <xf numFmtId="38" fontId="15" fillId="0" borderId="2" xfId="2" quotePrefix="1" applyFont="1" applyFill="1" applyBorder="1" applyAlignment="1" applyProtection="1">
      <alignment horizontal="right" vertical="center"/>
    </xf>
    <xf numFmtId="38" fontId="15" fillId="0" borderId="28" xfId="2" quotePrefix="1" applyFont="1" applyFill="1" applyBorder="1" applyAlignment="1" applyProtection="1"/>
    <xf numFmtId="38" fontId="15" fillId="0" borderId="22" xfId="2" quotePrefix="1" applyFont="1" applyFill="1" applyBorder="1" applyAlignment="1" applyProtection="1"/>
    <xf numFmtId="38" fontId="15" fillId="0" borderId="35" xfId="2" quotePrefix="1" applyFont="1" applyFill="1" applyBorder="1" applyAlignment="1" applyProtection="1"/>
    <xf numFmtId="38" fontId="15" fillId="0" borderId="22" xfId="2" applyFont="1" applyFill="1" applyBorder="1" applyAlignment="1" applyProtection="1"/>
    <xf numFmtId="38" fontId="15" fillId="0" borderId="22" xfId="2" applyFont="1" applyFill="1" applyBorder="1" applyAlignment="1" applyProtection="1">
      <alignment horizontal="center"/>
    </xf>
    <xf numFmtId="38" fontId="15" fillId="0" borderId="51" xfId="2" quotePrefix="1" applyFont="1" applyFill="1" applyBorder="1" applyAlignment="1" applyProtection="1">
      <alignment horizontal="center"/>
    </xf>
    <xf numFmtId="38" fontId="15" fillId="0" borderId="28" xfId="2" quotePrefix="1" applyFont="1" applyFill="1" applyBorder="1" applyAlignment="1" applyProtection="1">
      <alignment horizontal="right" vertical="center"/>
    </xf>
    <xf numFmtId="38" fontId="15" fillId="0" borderId="28" xfId="2" applyFont="1" applyFill="1" applyBorder="1" applyAlignment="1" applyProtection="1">
      <alignment horizontal="center"/>
    </xf>
    <xf numFmtId="38" fontId="15" fillId="0" borderId="51" xfId="2" quotePrefix="1" applyFont="1" applyFill="1" applyBorder="1" applyAlignment="1" applyProtection="1"/>
    <xf numFmtId="38" fontId="29" fillId="0" borderId="30" xfId="2" quotePrefix="1" applyFont="1" applyFill="1" applyBorder="1" applyAlignment="1" applyProtection="1"/>
    <xf numFmtId="38" fontId="29" fillId="0" borderId="26" xfId="2" applyFont="1" applyFill="1" applyBorder="1" applyAlignment="1" applyProtection="1"/>
    <xf numFmtId="38" fontId="29" fillId="0" borderId="26" xfId="2" applyFont="1" applyFill="1" applyBorder="1" applyAlignment="1" applyProtection="1">
      <alignment horizontal="center"/>
    </xf>
    <xf numFmtId="38" fontId="29" fillId="0" borderId="31" xfId="2" applyFont="1" applyFill="1" applyBorder="1" applyAlignment="1" applyProtection="1">
      <alignment horizontal="center"/>
    </xf>
    <xf numFmtId="0" fontId="29" fillId="0" borderId="55" xfId="0" applyFont="1" applyFill="1" applyBorder="1" applyAlignment="1">
      <alignment horizontal="center" justifyLastLine="1"/>
    </xf>
    <xf numFmtId="38" fontId="29" fillId="0" borderId="31" xfId="2" quotePrefix="1" applyFont="1" applyFill="1" applyBorder="1" applyAlignment="1" applyProtection="1"/>
    <xf numFmtId="40" fontId="27" fillId="0" borderId="17" xfId="2" applyNumberFormat="1" applyFont="1" applyFill="1" applyBorder="1" applyAlignment="1" applyProtection="1">
      <alignment horizontal="center"/>
      <protection locked="0"/>
    </xf>
    <xf numFmtId="38" fontId="27" fillId="0" borderId="17" xfId="2" applyFont="1" applyFill="1" applyBorder="1" applyAlignment="1" applyProtection="1">
      <alignment horizontal="center"/>
      <protection locked="0"/>
    </xf>
    <xf numFmtId="38" fontId="27" fillId="0" borderId="3" xfId="2" applyFont="1" applyFill="1" applyBorder="1" applyAlignment="1" applyProtection="1">
      <alignment horizontal="center"/>
      <protection locked="0"/>
    </xf>
    <xf numFmtId="40" fontId="27" fillId="0" borderId="22" xfId="2" applyNumberFormat="1" applyFont="1" applyFill="1" applyBorder="1" applyAlignment="1" applyProtection="1">
      <protection locked="0"/>
    </xf>
    <xf numFmtId="40" fontId="27" fillId="0" borderId="22" xfId="2" applyNumberFormat="1" applyFont="1" applyFill="1" applyBorder="1" applyAlignment="1" applyProtection="1">
      <alignment horizontal="center"/>
      <protection locked="0"/>
    </xf>
    <xf numFmtId="38" fontId="27" fillId="0" borderId="22" xfId="2" applyFont="1" applyFill="1" applyBorder="1" applyAlignment="1" applyProtection="1">
      <alignment horizontal="center"/>
      <protection locked="0"/>
    </xf>
    <xf numFmtId="38" fontId="27" fillId="0" borderId="51" xfId="2" applyFont="1" applyFill="1" applyBorder="1" applyAlignment="1" applyProtection="1">
      <alignment horizontal="center"/>
      <protection locked="0"/>
    </xf>
    <xf numFmtId="40" fontId="27" fillId="0" borderId="37" xfId="2" applyNumberFormat="1" applyFont="1" applyFill="1" applyBorder="1" applyAlignment="1" applyProtection="1">
      <protection locked="0"/>
    </xf>
    <xf numFmtId="40" fontId="27" fillId="0" borderId="32" xfId="2" applyNumberFormat="1" applyFont="1" applyFill="1" applyBorder="1" applyAlignment="1" applyProtection="1">
      <alignment horizontal="center"/>
      <protection locked="0"/>
    </xf>
    <xf numFmtId="38" fontId="27" fillId="0" borderId="37" xfId="2" applyFont="1" applyFill="1" applyBorder="1" applyAlignment="1" applyProtection="1">
      <alignment horizontal="center"/>
      <protection locked="0"/>
    </xf>
    <xf numFmtId="38" fontId="27" fillId="0" borderId="67" xfId="2" applyFont="1" applyFill="1" applyBorder="1" applyAlignment="1" applyProtection="1">
      <alignment horizontal="center"/>
      <protection locked="0"/>
    </xf>
    <xf numFmtId="38" fontId="27" fillId="0" borderId="18" xfId="2" applyFont="1" applyFill="1" applyBorder="1" applyAlignment="1" applyProtection="1">
      <protection locked="0"/>
    </xf>
    <xf numFmtId="40" fontId="27" fillId="0" borderId="78" xfId="2" applyNumberFormat="1" applyFont="1" applyFill="1" applyBorder="1" applyAlignment="1" applyProtection="1">
      <protection locked="0"/>
    </xf>
    <xf numFmtId="38" fontId="27" fillId="0" borderId="78" xfId="2" applyFont="1" applyFill="1" applyBorder="1" applyAlignment="1" applyProtection="1">
      <protection locked="0"/>
    </xf>
    <xf numFmtId="40" fontId="27" fillId="0" borderId="84" xfId="2" applyNumberFormat="1" applyFont="1" applyFill="1" applyBorder="1" applyAlignment="1" applyProtection="1">
      <protection locked="0"/>
    </xf>
    <xf numFmtId="38" fontId="27" fillId="0" borderId="2" xfId="2" quotePrefix="1" applyFont="1" applyFill="1" applyBorder="1" applyAlignment="1" applyProtection="1"/>
    <xf numFmtId="38" fontId="27" fillId="0" borderId="28" xfId="2" quotePrefix="1" applyFont="1" applyFill="1" applyBorder="1" applyAlignment="1" applyProtection="1"/>
    <xf numFmtId="38" fontId="27" fillId="0" borderId="37" xfId="2" applyFont="1" applyFill="1" applyBorder="1" applyAlignment="1" applyProtection="1">
      <protection locked="0"/>
    </xf>
    <xf numFmtId="0" fontId="11" fillId="0" borderId="21" xfId="8" applyFont="1" applyFill="1" applyBorder="1" applyAlignment="1">
      <alignment vertical="center"/>
    </xf>
    <xf numFmtId="0" fontId="11" fillId="0" borderId="48" xfId="8" applyFont="1" applyFill="1" applyBorder="1" applyAlignment="1" applyProtection="1">
      <alignment horizontal="right" vertical="center"/>
    </xf>
    <xf numFmtId="0" fontId="11" fillId="0" borderId="34" xfId="8" applyFont="1" applyFill="1" applyBorder="1" applyAlignment="1" applyProtection="1">
      <alignment horizontal="center" justifyLastLine="1"/>
    </xf>
    <xf numFmtId="0" fontId="11" fillId="0" borderId="22" xfId="8" applyFont="1" applyFill="1" applyBorder="1" applyAlignment="1" applyProtection="1">
      <alignment horizontal="center" justifyLastLine="1"/>
    </xf>
    <xf numFmtId="0" fontId="11" fillId="0" borderId="82" xfId="8" applyFont="1" applyFill="1" applyBorder="1" applyAlignment="1" applyProtection="1">
      <alignment horizontal="center" justifyLastLine="1"/>
    </xf>
    <xf numFmtId="0" fontId="11" fillId="0" borderId="51" xfId="8" applyFont="1" applyFill="1" applyBorder="1" applyAlignment="1" applyProtection="1">
      <alignment horizontal="center" justifyLastLine="1"/>
    </xf>
    <xf numFmtId="0" fontId="11" fillId="0" borderId="21" xfId="8" applyFont="1" applyFill="1" applyBorder="1" applyAlignment="1" applyProtection="1">
      <alignment horizontal="left" vertical="center"/>
    </xf>
    <xf numFmtId="0" fontId="11" fillId="0" borderId="48" xfId="8" applyFont="1" applyFill="1" applyBorder="1" applyAlignment="1">
      <alignment horizontal="centerContinuous" vertical="center"/>
    </xf>
    <xf numFmtId="0" fontId="11" fillId="0" borderId="0" xfId="8" applyFont="1" applyFill="1" applyBorder="1" applyAlignment="1" applyProtection="1">
      <alignment horizontal="center" vertical="top"/>
    </xf>
    <xf numFmtId="0" fontId="11" fillId="0" borderId="22" xfId="8" applyFont="1" applyFill="1" applyBorder="1" applyAlignment="1" applyProtection="1">
      <alignment horizontal="center" vertical="top"/>
    </xf>
    <xf numFmtId="0" fontId="11" fillId="0" borderId="21" xfId="8" applyFont="1" applyFill="1" applyBorder="1" applyAlignment="1" applyProtection="1">
      <alignment horizontal="center" vertical="top"/>
    </xf>
    <xf numFmtId="0" fontId="11" fillId="0" borderId="51" xfId="8" applyFont="1" applyFill="1" applyBorder="1" applyAlignment="1" applyProtection="1">
      <alignment horizontal="center" vertical="top"/>
    </xf>
    <xf numFmtId="10" fontId="11" fillId="0" borderId="4" xfId="1" applyNumberFormat="1" applyFont="1" applyFill="1" applyBorder="1" applyAlignment="1" applyProtection="1">
      <alignment vertical="center"/>
    </xf>
    <xf numFmtId="10" fontId="11" fillId="0" borderId="5" xfId="1" applyNumberFormat="1" applyFont="1" applyFill="1" applyBorder="1" applyAlignment="1" applyProtection="1">
      <alignment vertical="center"/>
    </xf>
    <xf numFmtId="10" fontId="11" fillId="0" borderId="23" xfId="1" applyNumberFormat="1" applyFont="1" applyFill="1" applyBorder="1" applyAlignment="1" applyProtection="1">
      <alignment vertical="center"/>
    </xf>
    <xf numFmtId="10" fontId="11" fillId="0" borderId="87" xfId="1" applyNumberFormat="1" applyFont="1" applyFill="1" applyBorder="1" applyAlignment="1" applyProtection="1">
      <alignment vertical="center"/>
    </xf>
    <xf numFmtId="10" fontId="11" fillId="0" borderId="6" xfId="1" applyNumberFormat="1" applyFont="1" applyFill="1" applyBorder="1" applyAlignment="1" applyProtection="1">
      <alignment vertical="center"/>
    </xf>
    <xf numFmtId="10" fontId="11" fillId="0" borderId="4" xfId="1" quotePrefix="1" applyNumberFormat="1" applyFont="1" applyFill="1" applyBorder="1" applyAlignment="1" applyProtection="1">
      <alignment vertical="center"/>
    </xf>
    <xf numFmtId="10" fontId="11" fillId="0" borderId="34" xfId="1" quotePrefix="1" applyNumberFormat="1" applyFont="1" applyFill="1" applyBorder="1" applyAlignment="1" applyProtection="1">
      <alignment vertical="center"/>
    </xf>
    <xf numFmtId="10" fontId="11" fillId="0" borderId="27" xfId="1" quotePrefix="1" applyNumberFormat="1" applyFont="1" applyFill="1" applyBorder="1" applyAlignment="1" applyProtection="1">
      <alignment vertical="center"/>
    </xf>
    <xf numFmtId="10" fontId="11" fillId="0" borderId="25" xfId="1" quotePrefix="1" applyNumberFormat="1" applyFont="1" applyFill="1" applyBorder="1" applyAlignment="1" applyProtection="1">
      <alignment vertical="center"/>
    </xf>
    <xf numFmtId="10" fontId="11" fillId="0" borderId="82" xfId="1" quotePrefix="1" applyNumberFormat="1" applyFont="1" applyFill="1" applyBorder="1" applyAlignment="1" applyProtection="1">
      <alignment vertical="center"/>
    </xf>
    <xf numFmtId="10" fontId="11" fillId="0" borderId="35" xfId="1" quotePrefix="1" applyNumberFormat="1" applyFont="1" applyFill="1" applyBorder="1" applyAlignment="1" applyProtection="1">
      <alignment vertical="center"/>
    </xf>
    <xf numFmtId="10" fontId="11" fillId="0" borderId="54" xfId="1" quotePrefix="1" applyNumberFormat="1" applyFont="1" applyFill="1" applyBorder="1" applyAlignment="1" applyProtection="1">
      <alignment vertical="center"/>
    </xf>
    <xf numFmtId="0" fontId="11" fillId="0" borderId="74" xfId="8" applyFont="1" applyFill="1" applyBorder="1" applyAlignment="1" applyProtection="1">
      <alignment vertical="center"/>
    </xf>
    <xf numFmtId="0" fontId="21" fillId="0" borderId="3" xfId="8" applyFont="1" applyFill="1" applyBorder="1" applyAlignment="1" applyProtection="1">
      <alignment horizontal="left" vertical="center"/>
    </xf>
    <xf numFmtId="10" fontId="11" fillId="0" borderId="1" xfId="1" quotePrefix="1" applyNumberFormat="1" applyFont="1" applyFill="1" applyBorder="1" applyAlignment="1" applyProtection="1">
      <alignment vertical="center"/>
    </xf>
    <xf numFmtId="37" fontId="11" fillId="0" borderId="59" xfId="3" applyFont="1" applyFill="1" applyBorder="1" applyAlignment="1" applyProtection="1">
      <alignment horizontal="distributed" justifyLastLine="1" shrinkToFit="1"/>
    </xf>
    <xf numFmtId="37" fontId="11" fillId="0" borderId="100" xfId="3" applyFont="1" applyFill="1" applyBorder="1" applyAlignment="1" applyProtection="1">
      <alignment horizontal="distributed" justifyLastLine="1" shrinkToFit="1"/>
    </xf>
    <xf numFmtId="37" fontId="11" fillId="0" borderId="59" xfId="3" applyFont="1" applyFill="1" applyBorder="1" applyAlignment="1" applyProtection="1">
      <alignment horizontal="distributed" justifyLastLine="1"/>
    </xf>
    <xf numFmtId="37" fontId="11" fillId="0" borderId="51" xfId="3" quotePrefix="1" applyFont="1" applyFill="1" applyBorder="1" applyAlignment="1" applyProtection="1">
      <alignment horizontal="center" shrinkToFit="1"/>
    </xf>
    <xf numFmtId="37" fontId="11" fillId="0" borderId="21" xfId="3" applyFont="1" applyFill="1" applyBorder="1" applyAlignment="1" applyProtection="1">
      <alignment horizontal="center" shrinkToFit="1"/>
    </xf>
    <xf numFmtId="37" fontId="11" fillId="0" borderId="22" xfId="3" applyFont="1" applyFill="1" applyBorder="1" applyAlignment="1" applyProtection="1">
      <alignment horizontal="center" shrinkToFit="1"/>
    </xf>
    <xf numFmtId="37" fontId="11" fillId="0" borderId="51" xfId="3" applyFont="1" applyFill="1" applyBorder="1" applyAlignment="1" applyProtection="1">
      <alignment horizontal="center" shrinkToFit="1"/>
    </xf>
    <xf numFmtId="37" fontId="11" fillId="0" borderId="35" xfId="3" applyFont="1" applyFill="1" applyBorder="1" applyAlignment="1" applyProtection="1">
      <alignment horizontal="center" shrinkToFit="1"/>
    </xf>
    <xf numFmtId="37" fontId="11" fillId="0" borderId="22" xfId="3" quotePrefix="1" applyFont="1" applyFill="1" applyBorder="1" applyAlignment="1" applyProtection="1">
      <alignment horizontal="center"/>
    </xf>
    <xf numFmtId="37" fontId="11" fillId="0" borderId="22" xfId="3" applyFont="1" applyFill="1" applyBorder="1" applyAlignment="1" applyProtection="1">
      <alignment horizontal="center" vertical="center" shrinkToFit="1"/>
    </xf>
    <xf numFmtId="37" fontId="11" fillId="0" borderId="51" xfId="3" applyFont="1" applyFill="1" applyBorder="1" applyAlignment="1" applyProtection="1">
      <alignment horizontal="center" vertical="center" shrinkToFit="1"/>
    </xf>
    <xf numFmtId="37" fontId="11" fillId="0" borderId="21" xfId="3" applyFont="1" applyFill="1" applyBorder="1" applyAlignment="1" applyProtection="1">
      <alignment horizontal="center" vertical="center" shrinkToFit="1"/>
    </xf>
    <xf numFmtId="0" fontId="7" fillId="0" borderId="28" xfId="3" applyNumberFormat="1" applyFont="1" applyFill="1" applyBorder="1" applyAlignment="1" applyProtection="1">
      <alignment horizontal="center" shrinkToFit="1"/>
    </xf>
    <xf numFmtId="37" fontId="11" fillId="0" borderId="22" xfId="3" applyFont="1" applyFill="1" applyBorder="1" applyAlignment="1" applyProtection="1">
      <alignment horizontal="center" vertical="center"/>
    </xf>
    <xf numFmtId="49" fontId="11" fillId="0" borderId="18" xfId="3" applyNumberFormat="1" applyFont="1" applyFill="1" applyBorder="1" applyAlignment="1" applyProtection="1">
      <alignment horizontal="center" shrinkToFit="1"/>
    </xf>
    <xf numFmtId="49" fontId="11" fillId="0" borderId="66" xfId="3" applyNumberFormat="1" applyFont="1" applyFill="1" applyBorder="1" applyAlignment="1" applyProtection="1">
      <alignment horizontal="center" shrinkToFit="1"/>
    </xf>
    <xf numFmtId="37" fontId="11" fillId="0" borderId="24" xfId="3" applyFont="1" applyFill="1" applyBorder="1" applyAlignment="1" applyProtection="1">
      <alignment horizontal="right" shrinkToFit="1"/>
    </xf>
    <xf numFmtId="37" fontId="11" fillId="0" borderId="18" xfId="3" applyFont="1" applyFill="1" applyBorder="1" applyAlignment="1" applyProtection="1">
      <alignment horizontal="center" shrinkToFit="1"/>
    </xf>
    <xf numFmtId="37" fontId="11" fillId="0" borderId="18" xfId="3" applyFont="1" applyFill="1" applyBorder="1" applyAlignment="1" applyProtection="1">
      <alignment horizontal="right" shrinkToFit="1"/>
    </xf>
    <xf numFmtId="49" fontId="11" fillId="0" borderId="19" xfId="3" applyNumberFormat="1" applyFont="1" applyFill="1" applyBorder="1" applyAlignment="1" applyProtection="1">
      <alignment horizontal="center" shrinkToFit="1"/>
    </xf>
    <xf numFmtId="37" fontId="11" fillId="0" borderId="66" xfId="3" applyFont="1" applyFill="1" applyBorder="1" applyAlignment="1" applyProtection="1">
      <alignment horizontal="center" shrinkToFit="1"/>
    </xf>
    <xf numFmtId="37" fontId="11" fillId="0" borderId="24" xfId="3" applyFont="1" applyFill="1" applyBorder="1" applyAlignment="1" applyProtection="1">
      <alignment horizontal="right"/>
    </xf>
    <xf numFmtId="49" fontId="11" fillId="0" borderId="18" xfId="3" applyNumberFormat="1" applyFont="1" applyFill="1" applyBorder="1" applyAlignment="1" applyProtection="1">
      <alignment horizontal="right"/>
    </xf>
    <xf numFmtId="37" fontId="11" fillId="0" borderId="66" xfId="3" applyFont="1" applyFill="1" applyBorder="1" applyAlignment="1" applyProtection="1">
      <alignment horizontal="center"/>
    </xf>
    <xf numFmtId="37" fontId="11" fillId="0" borderId="3" xfId="3" applyFont="1" applyFill="1" applyBorder="1" applyProtection="1"/>
    <xf numFmtId="37" fontId="11" fillId="0" borderId="40" xfId="3" applyFont="1" applyFill="1" applyBorder="1" applyProtection="1"/>
    <xf numFmtId="37" fontId="11" fillId="0" borderId="2" xfId="3" applyFont="1" applyFill="1" applyBorder="1" applyProtection="1"/>
    <xf numFmtId="37" fontId="11" fillId="0" borderId="83" xfId="3" applyFont="1" applyFill="1" applyBorder="1" applyProtection="1"/>
    <xf numFmtId="37" fontId="11" fillId="0" borderId="6" xfId="3" applyFont="1" applyFill="1" applyBorder="1" applyProtection="1"/>
    <xf numFmtId="37" fontId="11" fillId="0" borderId="74" xfId="3" applyFont="1" applyFill="1" applyBorder="1" applyProtection="1"/>
    <xf numFmtId="37" fontId="11" fillId="0" borderId="5" xfId="3" applyFont="1" applyFill="1" applyBorder="1" applyProtection="1"/>
    <xf numFmtId="37" fontId="11" fillId="0" borderId="87" xfId="3" applyFont="1" applyFill="1" applyBorder="1" applyProtection="1"/>
    <xf numFmtId="37" fontId="11" fillId="0" borderId="35" xfId="3" applyFont="1" applyFill="1" applyBorder="1" applyProtection="1"/>
    <xf numFmtId="37" fontId="11" fillId="0" borderId="10" xfId="3" applyFont="1" applyFill="1" applyBorder="1"/>
    <xf numFmtId="37" fontId="11" fillId="0" borderId="10" xfId="3" applyFont="1" applyFill="1" applyBorder="1" applyAlignment="1" applyProtection="1">
      <alignment horizontal="left"/>
    </xf>
    <xf numFmtId="0" fontId="11" fillId="0" borderId="0" xfId="3" applyNumberFormat="1" applyFont="1" applyFill="1" applyAlignment="1" applyProtection="1"/>
    <xf numFmtId="37" fontId="11" fillId="0" borderId="23" xfId="3" applyFont="1" applyFill="1" applyBorder="1" applyAlignment="1">
      <alignment horizontal="centerContinuous" vertical="center"/>
    </xf>
    <xf numFmtId="37" fontId="11" fillId="0" borderId="49" xfId="3" applyFont="1" applyFill="1" applyBorder="1" applyAlignment="1">
      <alignment horizontal="centerContinuous" vertical="center"/>
    </xf>
    <xf numFmtId="37" fontId="11" fillId="0" borderId="49" xfId="3" quotePrefix="1" applyFont="1" applyFill="1" applyBorder="1" applyAlignment="1">
      <alignment horizontal="right" vertical="center"/>
    </xf>
    <xf numFmtId="37" fontId="11" fillId="0" borderId="18" xfId="3" quotePrefix="1" applyFont="1" applyFill="1" applyBorder="1" applyAlignment="1" applyProtection="1">
      <alignment horizontal="right"/>
    </xf>
    <xf numFmtId="37" fontId="11" fillId="0" borderId="66" xfId="3" quotePrefix="1" applyFont="1" applyFill="1" applyBorder="1" applyAlignment="1">
      <alignment horizontal="right" vertical="center"/>
    </xf>
    <xf numFmtId="10" fontId="11" fillId="0" borderId="2" xfId="3" applyNumberFormat="1" applyFont="1" applyFill="1" applyBorder="1" applyProtection="1"/>
    <xf numFmtId="10" fontId="11" fillId="0" borderId="1" xfId="3" applyNumberFormat="1" applyFont="1" applyFill="1" applyBorder="1" applyProtection="1"/>
    <xf numFmtId="10" fontId="11" fillId="0" borderId="17" xfId="3" applyNumberFormat="1" applyFont="1" applyFill="1" applyBorder="1" applyProtection="1"/>
    <xf numFmtId="10" fontId="11" fillId="0" borderId="3" xfId="3" applyNumberFormat="1" applyFont="1" applyFill="1" applyBorder="1" applyProtection="1"/>
    <xf numFmtId="177" fontId="11" fillId="0" borderId="28" xfId="3" applyNumberFormat="1" applyFont="1" applyFill="1" applyBorder="1" applyProtection="1"/>
    <xf numFmtId="177" fontId="11" fillId="0" borderId="2" xfId="3" applyNumberFormat="1" applyFont="1" applyFill="1" applyBorder="1" applyProtection="1"/>
    <xf numFmtId="177" fontId="11" fillId="0" borderId="3" xfId="3" applyNumberFormat="1" applyFont="1" applyFill="1" applyBorder="1" applyAlignment="1">
      <alignment horizontal="right"/>
    </xf>
    <xf numFmtId="178" fontId="11" fillId="0" borderId="50" xfId="3" applyNumberFormat="1" applyFont="1" applyFill="1" applyBorder="1" applyProtection="1"/>
    <xf numFmtId="178" fontId="11" fillId="0" borderId="49" xfId="3" applyNumberFormat="1" applyFont="1" applyFill="1" applyBorder="1" applyProtection="1"/>
    <xf numFmtId="178" fontId="11" fillId="0" borderId="4" xfId="3" applyNumberFormat="1" applyFont="1" applyFill="1" applyBorder="1" applyProtection="1"/>
    <xf numFmtId="177" fontId="11" fillId="0" borderId="5" xfId="3" applyNumberFormat="1" applyFont="1" applyFill="1" applyBorder="1" applyProtection="1"/>
    <xf numFmtId="177" fontId="11" fillId="0" borderId="23" xfId="3" applyNumberFormat="1" applyFont="1" applyFill="1" applyBorder="1" applyAlignment="1">
      <alignment horizontal="right"/>
    </xf>
    <xf numFmtId="177" fontId="11" fillId="0" borderId="6" xfId="3" applyNumberFormat="1" applyFont="1" applyFill="1" applyBorder="1" applyAlignment="1">
      <alignment horizontal="right"/>
    </xf>
    <xf numFmtId="37" fontId="11" fillId="0" borderId="53" xfId="3" applyFont="1" applyFill="1" applyBorder="1" applyProtection="1"/>
    <xf numFmtId="37" fontId="11" fillId="0" borderId="0" xfId="3" applyFont="1" applyFill="1" applyBorder="1" applyProtection="1"/>
    <xf numFmtId="178" fontId="11" fillId="0" borderId="38" xfId="3" applyNumberFormat="1" applyFont="1" applyFill="1" applyBorder="1" applyProtection="1"/>
    <xf numFmtId="37" fontId="11" fillId="0" borderId="22" xfId="3" applyFont="1" applyFill="1" applyBorder="1" applyProtection="1"/>
    <xf numFmtId="178" fontId="11" fillId="0" borderId="34" xfId="3" applyNumberFormat="1" applyFont="1" applyFill="1" applyBorder="1" applyProtection="1"/>
    <xf numFmtId="37" fontId="11" fillId="0" borderId="22" xfId="3" applyNumberFormat="1" applyFont="1" applyFill="1" applyBorder="1" applyProtection="1"/>
    <xf numFmtId="178" fontId="11" fillId="0" borderId="22" xfId="3" applyNumberFormat="1" applyFont="1" applyFill="1" applyBorder="1" applyProtection="1"/>
    <xf numFmtId="177" fontId="11" fillId="0" borderId="27" xfId="3" applyNumberFormat="1" applyFont="1" applyFill="1" applyBorder="1" applyProtection="1"/>
    <xf numFmtId="177" fontId="11" fillId="0" borderId="22" xfId="3" applyNumberFormat="1" applyFont="1" applyFill="1" applyBorder="1" applyAlignment="1">
      <alignment horizontal="right"/>
    </xf>
    <xf numFmtId="177" fontId="11" fillId="0" borderId="25" xfId="3" applyNumberFormat="1" applyFont="1" applyFill="1" applyBorder="1" applyAlignment="1">
      <alignment horizontal="right"/>
    </xf>
    <xf numFmtId="177" fontId="11" fillId="0" borderId="35" xfId="3" applyNumberFormat="1" applyFont="1" applyFill="1" applyBorder="1" applyAlignment="1">
      <alignment horizontal="right"/>
    </xf>
    <xf numFmtId="10" fontId="11" fillId="0" borderId="5" xfId="3" applyNumberFormat="1" applyFont="1" applyFill="1" applyBorder="1" applyProtection="1"/>
    <xf numFmtId="10" fontId="11" fillId="0" borderId="6" xfId="3" applyNumberFormat="1" applyFont="1" applyFill="1" applyBorder="1" applyProtection="1"/>
    <xf numFmtId="177" fontId="11" fillId="0" borderId="5" xfId="3" applyNumberFormat="1" applyFont="1" applyFill="1" applyBorder="1" applyAlignment="1">
      <alignment horizontal="right"/>
    </xf>
    <xf numFmtId="37" fontId="11" fillId="0" borderId="17" xfId="3" quotePrefix="1" applyFont="1" applyFill="1" applyBorder="1" applyProtection="1"/>
    <xf numFmtId="37" fontId="11" fillId="0" borderId="13" xfId="3" applyFont="1" applyFill="1" applyBorder="1" applyProtection="1"/>
    <xf numFmtId="178" fontId="11" fillId="0" borderId="54" xfId="3" applyNumberFormat="1" applyFont="1" applyFill="1" applyBorder="1" applyProtection="1"/>
    <xf numFmtId="177" fontId="11" fillId="0" borderId="12" xfId="3" applyNumberFormat="1" applyFont="1" applyFill="1" applyBorder="1" applyProtection="1"/>
    <xf numFmtId="177" fontId="11" fillId="0" borderId="29" xfId="3" applyNumberFormat="1" applyFont="1" applyFill="1" applyBorder="1" applyAlignment="1">
      <alignment horizontal="right"/>
    </xf>
    <xf numFmtId="37" fontId="11" fillId="0" borderId="2" xfId="3" applyFont="1" applyFill="1" applyBorder="1" applyAlignment="1" applyProtection="1">
      <alignment horizontal="left"/>
    </xf>
    <xf numFmtId="37" fontId="11" fillId="0" borderId="16" xfId="3" applyFont="1" applyFill="1" applyBorder="1" applyProtection="1"/>
    <xf numFmtId="37" fontId="11" fillId="0" borderId="16" xfId="3" applyNumberFormat="1" applyFont="1" applyFill="1" applyBorder="1" applyProtection="1"/>
    <xf numFmtId="178" fontId="11" fillId="0" borderId="11" xfId="3" applyNumberFormat="1" applyFont="1" applyFill="1" applyBorder="1" applyProtection="1"/>
    <xf numFmtId="37" fontId="11" fillId="0" borderId="18" xfId="3" applyNumberFormat="1" applyFont="1" applyFill="1" applyBorder="1" applyProtection="1"/>
    <xf numFmtId="178" fontId="11" fillId="0" borderId="13" xfId="3" applyNumberFormat="1" applyFont="1" applyFill="1" applyBorder="1" applyProtection="1"/>
    <xf numFmtId="37" fontId="11" fillId="0" borderId="24" xfId="3" applyFont="1" applyFill="1" applyBorder="1" applyProtection="1"/>
    <xf numFmtId="37" fontId="11" fillId="0" borderId="19" xfId="3" applyFont="1" applyFill="1" applyBorder="1" applyAlignment="1" applyProtection="1">
      <alignment horizontal="left"/>
    </xf>
    <xf numFmtId="177" fontId="11" fillId="0" borderId="12" xfId="3" applyNumberFormat="1" applyFont="1" applyFill="1" applyBorder="1" applyAlignment="1">
      <alignment horizontal="right"/>
    </xf>
    <xf numFmtId="177" fontId="11" fillId="0" borderId="13" xfId="3" applyNumberFormat="1" applyFont="1" applyFill="1" applyBorder="1" applyAlignment="1">
      <alignment horizontal="right"/>
    </xf>
    <xf numFmtId="178" fontId="11" fillId="0" borderId="66" xfId="3" applyNumberFormat="1" applyFont="1" applyFill="1" applyBorder="1" applyProtection="1"/>
    <xf numFmtId="178" fontId="11" fillId="0" borderId="27" xfId="3" applyNumberFormat="1" applyFont="1" applyFill="1" applyBorder="1" applyProtection="1"/>
    <xf numFmtId="178" fontId="11" fillId="0" borderId="23" xfId="3" applyNumberFormat="1" applyFont="1" applyFill="1" applyBorder="1" applyProtection="1"/>
    <xf numFmtId="37" fontId="11" fillId="0" borderId="13" xfId="3" applyNumberFormat="1" applyFont="1" applyFill="1" applyBorder="1" applyProtection="1"/>
    <xf numFmtId="37" fontId="11" fillId="0" borderId="18" xfId="3" applyFont="1" applyFill="1" applyBorder="1" applyProtection="1"/>
    <xf numFmtId="0" fontId="27" fillId="0" borderId="0" xfId="4" applyFont="1" applyFill="1" applyBorder="1" applyAlignment="1">
      <alignment horizontal="distributed" justifyLastLine="1"/>
    </xf>
    <xf numFmtId="0" fontId="27" fillId="0" borderId="0" xfId="0" applyFont="1" applyFill="1" applyBorder="1" applyAlignment="1">
      <alignment horizontal="distributed" justifyLastLine="1"/>
    </xf>
    <xf numFmtId="38" fontId="29" fillId="0" borderId="0" xfId="2" quotePrefix="1" applyFont="1" applyFill="1" applyBorder="1" applyAlignment="1" applyProtection="1"/>
    <xf numFmtId="38" fontId="29" fillId="0" borderId="0" xfId="2" applyFont="1" applyFill="1" applyBorder="1" applyAlignment="1" applyProtection="1"/>
    <xf numFmtId="38" fontId="29" fillId="0" borderId="0" xfId="2" applyFont="1" applyFill="1" applyBorder="1" applyAlignment="1" applyProtection="1">
      <alignment horizontal="center"/>
    </xf>
    <xf numFmtId="0" fontId="29" fillId="0" borderId="0" xfId="0" applyFont="1" applyFill="1" applyBorder="1" applyAlignment="1">
      <alignment horizontal="center" justifyLastLine="1"/>
    </xf>
    <xf numFmtId="10" fontId="15" fillId="0" borderId="0" xfId="1" applyNumberFormat="1" applyFont="1" applyFill="1" applyBorder="1" applyAlignment="1"/>
    <xf numFmtId="180" fontId="29" fillId="0" borderId="0" xfId="2" quotePrefix="1" applyNumberFormat="1" applyFont="1" applyFill="1" applyBorder="1" applyAlignment="1" applyProtection="1"/>
    <xf numFmtId="180" fontId="15" fillId="0" borderId="0" xfId="2" quotePrefix="1" applyNumberFormat="1" applyFont="1" applyFill="1" applyBorder="1" applyAlignment="1" applyProtection="1">
      <alignment horizontal="right"/>
    </xf>
    <xf numFmtId="180" fontId="29" fillId="0" borderId="0" xfId="2" applyNumberFormat="1" applyFont="1" applyFill="1" applyBorder="1" applyAlignment="1" applyProtection="1"/>
    <xf numFmtId="38" fontId="27" fillId="0" borderId="0" xfId="2" quotePrefix="1" applyFont="1" applyFill="1" applyBorder="1" applyAlignment="1" applyProtection="1">
      <alignment vertical="top"/>
    </xf>
    <xf numFmtId="38" fontId="11" fillId="0" borderId="5" xfId="2" applyFont="1" applyFill="1" applyBorder="1" applyAlignment="1"/>
    <xf numFmtId="180" fontId="21" fillId="0" borderId="81" xfId="2" applyNumberFormat="1" applyFont="1" applyFill="1" applyBorder="1" applyAlignment="1" applyProtection="1">
      <alignment horizontal="right" vertical="center"/>
    </xf>
    <xf numFmtId="0" fontId="11" fillId="0" borderId="49" xfId="5" applyFont="1" applyFill="1" applyBorder="1" applyAlignment="1" applyProtection="1">
      <alignment vertical="center"/>
    </xf>
    <xf numFmtId="0" fontId="11" fillId="0" borderId="23" xfId="5" applyFont="1" applyFill="1" applyBorder="1" applyAlignment="1" applyProtection="1">
      <alignment horizontal="left" vertical="center"/>
    </xf>
    <xf numFmtId="0" fontId="11" fillId="0" borderId="49" xfId="5" applyFont="1" applyFill="1" applyBorder="1" applyAlignment="1" applyProtection="1">
      <alignment horizontal="left" vertical="center"/>
    </xf>
    <xf numFmtId="0" fontId="11" fillId="0" borderId="70" xfId="5" applyFont="1" applyFill="1" applyBorder="1" applyAlignment="1" applyProtection="1">
      <alignment horizontal="center" vertical="center"/>
    </xf>
    <xf numFmtId="0" fontId="11" fillId="0" borderId="4" xfId="5" applyFont="1" applyFill="1" applyBorder="1" applyAlignment="1" applyProtection="1">
      <alignment horizontal="center" vertical="center"/>
    </xf>
    <xf numFmtId="0" fontId="11" fillId="0" borderId="4" xfId="5" applyFont="1" applyFill="1" applyBorder="1" applyAlignment="1">
      <alignment horizontal="left" vertical="center"/>
    </xf>
    <xf numFmtId="0" fontId="11" fillId="0" borderId="5" xfId="5" applyFont="1" applyFill="1" applyBorder="1" applyAlignment="1" applyProtection="1">
      <alignment horizontal="center" vertical="center"/>
    </xf>
    <xf numFmtId="0" fontId="11" fillId="0" borderId="36" xfId="5" applyFont="1" applyFill="1" applyBorder="1" applyAlignment="1" applyProtection="1">
      <alignment horizontal="center" vertical="center"/>
    </xf>
    <xf numFmtId="0" fontId="11" fillId="0" borderId="19" xfId="6" applyFont="1" applyFill="1" applyBorder="1" applyAlignment="1" applyProtection="1">
      <alignment horizontal="center" vertical="center"/>
    </xf>
    <xf numFmtId="0" fontId="11" fillId="0" borderId="66" xfId="7" applyFont="1" applyFill="1" applyBorder="1" applyAlignment="1" applyProtection="1">
      <alignment horizontal="center" vertical="center"/>
    </xf>
    <xf numFmtId="0" fontId="11" fillId="0" borderId="18" xfId="7" applyFont="1" applyFill="1" applyBorder="1" applyAlignment="1" applyProtection="1">
      <alignment horizontal="center" vertical="center"/>
    </xf>
    <xf numFmtId="0" fontId="11" fillId="0" borderId="18" xfId="7" applyFont="1" applyFill="1" applyBorder="1" applyAlignment="1" applyProtection="1">
      <alignment horizontal="center" vertical="center" wrapText="1"/>
    </xf>
    <xf numFmtId="37" fontId="11" fillId="0" borderId="49" xfId="3" applyFont="1" applyFill="1" applyBorder="1" applyAlignment="1" applyProtection="1">
      <alignment horizontal="center"/>
    </xf>
    <xf numFmtId="10" fontId="7" fillId="0" borderId="6" xfId="5" applyNumberFormat="1" applyFont="1" applyFill="1" applyBorder="1" applyAlignment="1" applyProtection="1">
      <alignment horizontal="right" vertical="center"/>
    </xf>
    <xf numFmtId="179" fontId="7" fillId="0" borderId="6" xfId="1" applyNumberFormat="1" applyFont="1" applyFill="1" applyBorder="1" applyAlignment="1" applyProtection="1">
      <alignment horizontal="center" vertical="center"/>
    </xf>
    <xf numFmtId="10" fontId="7" fillId="0" borderId="35" xfId="5" applyNumberFormat="1" applyFont="1" applyFill="1" applyBorder="1" applyAlignment="1" applyProtection="1">
      <alignment horizontal="right" vertical="center"/>
    </xf>
    <xf numFmtId="37" fontId="11" fillId="0" borderId="25" xfId="3" applyFont="1" applyFill="1" applyBorder="1" applyAlignment="1" applyProtection="1">
      <alignment horizontal="distributed" vertical="center" justifyLastLine="1"/>
    </xf>
    <xf numFmtId="37" fontId="11" fillId="0" borderId="25" xfId="3" applyFont="1" applyFill="1" applyBorder="1" applyAlignment="1" applyProtection="1">
      <alignment horizontal="distributed" vertical="center" wrapText="1" justifyLastLine="1"/>
    </xf>
    <xf numFmtId="37" fontId="11" fillId="0" borderId="0" xfId="14" applyFont="1" applyFill="1"/>
    <xf numFmtId="37" fontId="11" fillId="0" borderId="84" xfId="14" applyNumberFormat="1" applyFont="1" applyFill="1" applyBorder="1" applyProtection="1"/>
    <xf numFmtId="37" fontId="11" fillId="0" borderId="78" xfId="14" applyNumberFormat="1" applyFont="1" applyFill="1" applyBorder="1" applyProtection="1"/>
    <xf numFmtId="37" fontId="11" fillId="0" borderId="104" xfId="14" applyNumberFormat="1" applyFont="1" applyFill="1" applyBorder="1" applyProtection="1"/>
    <xf numFmtId="37" fontId="11" fillId="0" borderId="10" xfId="14" applyFont="1" applyFill="1" applyBorder="1"/>
    <xf numFmtId="39" fontId="11" fillId="0" borderId="126" xfId="14" applyNumberFormat="1" applyFont="1" applyFill="1" applyBorder="1" applyProtection="1"/>
    <xf numFmtId="39" fontId="11" fillId="0" borderId="127" xfId="14" applyNumberFormat="1" applyFont="1" applyFill="1" applyBorder="1" applyProtection="1"/>
    <xf numFmtId="39" fontId="11" fillId="0" borderId="128" xfId="14" applyNumberFormat="1" applyFont="1" applyFill="1" applyBorder="1" applyProtection="1"/>
    <xf numFmtId="37" fontId="11" fillId="0" borderId="10" xfId="14" applyNumberFormat="1" applyFont="1" applyFill="1" applyBorder="1" applyProtection="1"/>
    <xf numFmtId="37" fontId="11" fillId="0" borderId="10" xfId="14" applyFont="1" applyFill="1" applyBorder="1" applyAlignment="1" applyProtection="1">
      <alignment horizontal="center"/>
    </xf>
    <xf numFmtId="37" fontId="11" fillId="0" borderId="104" xfId="14" applyFont="1" applyFill="1" applyBorder="1" applyAlignment="1" applyProtection="1">
      <alignment horizontal="center"/>
    </xf>
    <xf numFmtId="37" fontId="11" fillId="0" borderId="104" xfId="14" applyFont="1" applyFill="1" applyBorder="1"/>
    <xf numFmtId="37" fontId="11" fillId="0" borderId="84" xfId="14" applyFont="1" applyFill="1" applyBorder="1" applyAlignment="1" applyProtection="1">
      <alignment horizontal="center"/>
    </xf>
    <xf numFmtId="37" fontId="11" fillId="0" borderId="78" xfId="14" applyFont="1" applyFill="1" applyBorder="1" applyAlignment="1" applyProtection="1">
      <alignment horizontal="center"/>
    </xf>
    <xf numFmtId="1" fontId="11" fillId="0" borderId="78" xfId="14" applyNumberFormat="1" applyFont="1" applyFill="1" applyBorder="1" applyAlignment="1" applyProtection="1">
      <alignment horizontal="center"/>
    </xf>
    <xf numFmtId="37" fontId="11" fillId="0" borderId="10" xfId="14" applyNumberFormat="1" applyFont="1" applyFill="1" applyBorder="1" applyAlignment="1" applyProtection="1">
      <alignment horizontal="centerContinuous"/>
    </xf>
    <xf numFmtId="37" fontId="11" fillId="0" borderId="78" xfId="14" applyNumberFormat="1" applyFont="1" applyFill="1" applyBorder="1" applyAlignment="1" applyProtection="1">
      <alignment horizontal="centerContinuous"/>
    </xf>
    <xf numFmtId="37" fontId="11" fillId="0" borderId="80" xfId="14" applyNumberFormat="1" applyFont="1" applyFill="1" applyBorder="1" applyAlignment="1" applyProtection="1">
      <alignment shrinkToFit="1"/>
    </xf>
    <xf numFmtId="37" fontId="11" fillId="0" borderId="80" xfId="14" applyNumberFormat="1" applyFont="1" applyFill="1" applyBorder="1" applyAlignment="1" applyProtection="1">
      <alignment horizontal="center"/>
    </xf>
    <xf numFmtId="37" fontId="11" fillId="0" borderId="66" xfId="14" applyNumberFormat="1" applyFont="1" applyFill="1" applyBorder="1" applyProtection="1"/>
    <xf numFmtId="2" fontId="11" fillId="0" borderId="12" xfId="14" quotePrefix="1" applyNumberFormat="1" applyFont="1" applyFill="1" applyBorder="1" applyAlignment="1" applyProtection="1">
      <alignment horizontal="center"/>
    </xf>
    <xf numFmtId="37" fontId="11" fillId="0" borderId="16" xfId="14" applyNumberFormat="1" applyFont="1" applyFill="1" applyBorder="1" applyProtection="1"/>
    <xf numFmtId="37" fontId="11" fillId="0" borderId="24" xfId="14" applyNumberFormat="1" applyFont="1" applyFill="1" applyBorder="1" applyProtection="1"/>
    <xf numFmtId="37" fontId="11" fillId="0" borderId="0" xfId="14" applyFont="1" applyFill="1" applyBorder="1"/>
    <xf numFmtId="2" fontId="11" fillId="0" borderId="121" xfId="14" quotePrefix="1" applyNumberFormat="1" applyFont="1" applyFill="1" applyBorder="1" applyAlignment="1" applyProtection="1">
      <alignment horizontal="center"/>
    </xf>
    <xf numFmtId="2" fontId="11" fillId="0" borderId="13" xfId="14" quotePrefix="1" applyNumberFormat="1" applyFont="1" applyFill="1" applyBorder="1" applyAlignment="1" applyProtection="1">
      <alignment horizontal="center"/>
    </xf>
    <xf numFmtId="2" fontId="11" fillId="0" borderId="129" xfId="14" quotePrefix="1" applyNumberFormat="1" applyFont="1" applyFill="1" applyBorder="1" applyAlignment="1" applyProtection="1">
      <alignment horizontal="center"/>
    </xf>
    <xf numFmtId="2" fontId="11" fillId="0" borderId="130" xfId="14" quotePrefix="1" applyNumberFormat="1" applyFont="1" applyFill="1" applyBorder="1" applyAlignment="1" applyProtection="1">
      <alignment horizontal="center"/>
    </xf>
    <xf numFmtId="2" fontId="11" fillId="0" borderId="11" xfId="14" quotePrefix="1" applyNumberFormat="1" applyFont="1" applyFill="1" applyBorder="1" applyAlignment="1" applyProtection="1">
      <alignment horizontal="center"/>
    </xf>
    <xf numFmtId="2" fontId="11" fillId="0" borderId="29" xfId="14" quotePrefix="1" applyNumberFormat="1" applyFont="1" applyFill="1" applyBorder="1" applyAlignment="1" applyProtection="1">
      <alignment horizontal="center"/>
    </xf>
    <xf numFmtId="37" fontId="11" fillId="0" borderId="16" xfId="14" applyFont="1" applyFill="1" applyBorder="1"/>
    <xf numFmtId="39" fontId="11" fillId="0" borderId="16" xfId="14" applyNumberFormat="1" applyFont="1" applyFill="1" applyBorder="1" applyAlignment="1" applyProtection="1">
      <alignment horizontal="left"/>
    </xf>
    <xf numFmtId="39" fontId="11" fillId="0" borderId="24" xfId="14" applyNumberFormat="1" applyFont="1" applyFill="1" applyBorder="1" applyProtection="1"/>
    <xf numFmtId="37" fontId="11" fillId="0" borderId="21" xfId="14" applyFont="1" applyFill="1" applyBorder="1"/>
    <xf numFmtId="37" fontId="11" fillId="0" borderId="29" xfId="14" quotePrefix="1" applyFont="1" applyFill="1" applyBorder="1" applyAlignment="1" applyProtection="1">
      <alignment horizontal="center"/>
    </xf>
    <xf numFmtId="37" fontId="11" fillId="0" borderId="12" xfId="14" quotePrefix="1" applyFont="1" applyFill="1" applyBorder="1" applyAlignment="1" applyProtection="1">
      <alignment horizontal="center"/>
    </xf>
    <xf numFmtId="37" fontId="11" fillId="0" borderId="16" xfId="14" applyNumberFormat="1" applyFont="1" applyFill="1" applyBorder="1" applyAlignment="1" applyProtection="1">
      <alignment horizontal="centerContinuous"/>
    </xf>
    <xf numFmtId="37" fontId="11" fillId="0" borderId="18" xfId="14" applyNumberFormat="1" applyFont="1" applyFill="1" applyBorder="1" applyAlignment="1" applyProtection="1">
      <alignment horizontal="centerContinuous"/>
    </xf>
    <xf numFmtId="37" fontId="11" fillId="0" borderId="28" xfId="14" applyNumberFormat="1" applyFont="1" applyFill="1" applyBorder="1" applyAlignment="1" applyProtection="1">
      <alignment shrinkToFit="1"/>
    </xf>
    <xf numFmtId="37" fontId="11" fillId="0" borderId="12" xfId="14" applyFont="1" applyFill="1" applyBorder="1" applyAlignment="1" applyProtection="1">
      <alignment horizontal="center"/>
    </xf>
    <xf numFmtId="37" fontId="11" fillId="0" borderId="16" xfId="14" applyFont="1" applyFill="1" applyBorder="1" applyAlignment="1" applyProtection="1">
      <alignment horizontal="center"/>
    </xf>
    <xf numFmtId="37" fontId="11" fillId="0" borderId="6" xfId="14" applyNumberFormat="1" applyFont="1" applyFill="1" applyBorder="1" applyProtection="1"/>
    <xf numFmtId="37" fontId="11" fillId="0" borderId="17" xfId="14" applyNumberFormat="1" applyFont="1" applyFill="1" applyBorder="1" applyProtection="1"/>
    <xf numFmtId="37" fontId="11" fillId="0" borderId="40" xfId="14" applyNumberFormat="1" applyFont="1" applyFill="1" applyBorder="1" applyProtection="1"/>
    <xf numFmtId="39" fontId="11" fillId="0" borderId="92" xfId="14" applyNumberFormat="1" applyFont="1" applyFill="1" applyBorder="1" applyProtection="1"/>
    <xf numFmtId="39" fontId="11" fillId="0" borderId="33" xfId="14" applyNumberFormat="1" applyFont="1" applyFill="1" applyBorder="1" applyProtection="1"/>
    <xf numFmtId="39" fontId="11" fillId="0" borderId="131" xfId="14" applyNumberFormat="1" applyFont="1" applyFill="1" applyBorder="1" applyProtection="1"/>
    <xf numFmtId="37" fontId="11" fillId="0" borderId="15" xfId="14" applyNumberFormat="1" applyFont="1" applyFill="1" applyBorder="1" applyProtection="1"/>
    <xf numFmtId="37" fontId="11" fillId="0" borderId="3" xfId="14" applyNumberFormat="1" applyFont="1" applyFill="1" applyBorder="1" applyProtection="1"/>
    <xf numFmtId="37" fontId="11" fillId="0" borderId="15" xfId="14" applyFont="1" applyFill="1" applyBorder="1" applyAlignment="1" applyProtection="1">
      <alignment horizontal="center"/>
    </xf>
    <xf numFmtId="37" fontId="11" fillId="0" borderId="40" xfId="14" applyFont="1" applyFill="1" applyBorder="1" applyAlignment="1" applyProtection="1">
      <alignment horizontal="center"/>
    </xf>
    <xf numFmtId="37" fontId="11" fillId="0" borderId="3" xfId="14" applyFont="1" applyFill="1" applyBorder="1" applyAlignment="1" applyProtection="1">
      <alignment horizontal="center"/>
    </xf>
    <xf numFmtId="37" fontId="11" fillId="0" borderId="17" xfId="14" applyFont="1" applyFill="1" applyBorder="1" applyAlignment="1" applyProtection="1">
      <alignment horizontal="center"/>
    </xf>
    <xf numFmtId="1" fontId="11" fillId="0" borderId="17" xfId="14" applyNumberFormat="1" applyFont="1" applyFill="1" applyBorder="1" applyAlignment="1" applyProtection="1">
      <alignment horizontal="center"/>
    </xf>
    <xf numFmtId="37" fontId="11" fillId="0" borderId="15" xfId="14" applyNumberFormat="1" applyFont="1" applyFill="1" applyBorder="1" applyAlignment="1" applyProtection="1">
      <alignment horizontal="centerContinuous"/>
    </xf>
    <xf numFmtId="37" fontId="11" fillId="0" borderId="17" xfId="14" applyNumberFormat="1" applyFont="1" applyFill="1" applyBorder="1" applyAlignment="1" applyProtection="1">
      <alignment horizontal="centerContinuous"/>
    </xf>
    <xf numFmtId="37" fontId="11" fillId="0" borderId="2" xfId="14" applyNumberFormat="1" applyFont="1" applyFill="1" applyBorder="1" applyAlignment="1" applyProtection="1">
      <alignment horizontal="center"/>
    </xf>
    <xf numFmtId="37" fontId="11" fillId="0" borderId="17" xfId="14" applyNumberFormat="1" applyFont="1" applyFill="1" applyBorder="1" applyAlignment="1" applyProtection="1">
      <alignment horizontal="center"/>
    </xf>
    <xf numFmtId="37" fontId="11" fillId="0" borderId="1" xfId="14" applyFont="1" applyFill="1" applyBorder="1" applyAlignment="1" applyProtection="1">
      <alignment horizontal="center"/>
    </xf>
    <xf numFmtId="37" fontId="11" fillId="0" borderId="83" xfId="14" applyNumberFormat="1" applyFont="1" applyFill="1" applyBorder="1" applyProtection="1"/>
    <xf numFmtId="37" fontId="11" fillId="0" borderId="63" xfId="14" applyNumberFormat="1" applyFont="1" applyFill="1" applyBorder="1" applyProtection="1"/>
    <xf numFmtId="37" fontId="11" fillId="0" borderId="132" xfId="14" applyNumberFormat="1" applyFont="1" applyFill="1" applyBorder="1" applyProtection="1"/>
    <xf numFmtId="39" fontId="11" fillId="0" borderId="133" xfId="14" applyNumberFormat="1" applyFont="1" applyFill="1" applyBorder="1" applyProtection="1"/>
    <xf numFmtId="37" fontId="11" fillId="0" borderId="15" xfId="14" applyFont="1" applyFill="1" applyBorder="1" applyAlignment="1" applyProtection="1">
      <alignment horizontal="right"/>
    </xf>
    <xf numFmtId="37" fontId="11" fillId="0" borderId="40" xfId="14" applyFont="1" applyFill="1" applyBorder="1" applyAlignment="1" applyProtection="1">
      <alignment horizontal="right"/>
    </xf>
    <xf numFmtId="1" fontId="11" fillId="0" borderId="17" xfId="14" applyNumberFormat="1" applyFont="1" applyFill="1" applyBorder="1" applyAlignment="1" applyProtection="1">
      <alignment horizontal="centerContinuous"/>
    </xf>
    <xf numFmtId="37" fontId="11" fillId="0" borderId="63" xfId="14" applyNumberFormat="1" applyFont="1" applyFill="1" applyBorder="1" applyAlignment="1" applyProtection="1">
      <alignment horizontal="centerContinuous"/>
    </xf>
    <xf numFmtId="39" fontId="11" fillId="0" borderId="68" xfId="14" applyNumberFormat="1" applyFont="1" applyFill="1" applyBorder="1" applyAlignment="1" applyProtection="1">
      <alignment horizontal="centerContinuous"/>
    </xf>
    <xf numFmtId="37" fontId="11" fillId="0" borderId="1" xfId="14" quotePrefix="1" applyFont="1" applyFill="1" applyBorder="1" applyAlignment="1" applyProtection="1">
      <alignment horizontal="center"/>
    </xf>
    <xf numFmtId="37" fontId="11" fillId="0" borderId="0" xfId="14" applyFont="1" applyFill="1" applyAlignment="1"/>
    <xf numFmtId="37" fontId="11" fillId="0" borderId="29" xfId="14" applyNumberFormat="1" applyFont="1" applyFill="1" applyBorder="1" applyAlignment="1" applyProtection="1"/>
    <xf numFmtId="37" fontId="11" fillId="0" borderId="18" xfId="14" applyNumberFormat="1" applyFont="1" applyFill="1" applyBorder="1" applyAlignment="1" applyProtection="1"/>
    <xf numFmtId="37" fontId="11" fillId="0" borderId="88" xfId="14" applyNumberFormat="1" applyFont="1" applyFill="1" applyBorder="1" applyAlignment="1" applyProtection="1"/>
    <xf numFmtId="37" fontId="11" fillId="0" borderId="0" xfId="14" applyFont="1" applyFill="1" applyBorder="1" applyAlignment="1"/>
    <xf numFmtId="37" fontId="11" fillId="0" borderId="134" xfId="14" applyNumberFormat="1" applyFont="1" applyFill="1" applyBorder="1" applyAlignment="1" applyProtection="1"/>
    <xf numFmtId="37" fontId="11" fillId="0" borderId="135" xfId="14" applyNumberFormat="1" applyFont="1" applyFill="1" applyBorder="1" applyAlignment="1" applyProtection="1"/>
    <xf numFmtId="37" fontId="11" fillId="0" borderId="136" xfId="14" applyNumberFormat="1" applyFont="1" applyFill="1" applyBorder="1" applyAlignment="1" applyProtection="1"/>
    <xf numFmtId="37" fontId="11" fillId="0" borderId="16" xfId="14" applyNumberFormat="1" applyFont="1" applyFill="1" applyBorder="1" applyAlignment="1" applyProtection="1"/>
    <xf numFmtId="37" fontId="11" fillId="0" borderId="136" xfId="14" applyFont="1" applyFill="1" applyBorder="1" applyAlignment="1"/>
    <xf numFmtId="37" fontId="21" fillId="0" borderId="19" xfId="14" applyFont="1" applyFill="1" applyBorder="1" applyAlignment="1" applyProtection="1">
      <alignment horizontal="left"/>
    </xf>
    <xf numFmtId="37" fontId="11" fillId="0" borderId="24" xfId="14" applyFont="1" applyFill="1" applyBorder="1" applyAlignment="1" applyProtection="1"/>
    <xf numFmtId="37" fontId="11" fillId="0" borderId="14" xfId="14" applyNumberFormat="1" applyFont="1" applyFill="1" applyBorder="1" applyAlignment="1" applyProtection="1"/>
    <xf numFmtId="37" fontId="11" fillId="0" borderId="11" xfId="14" applyNumberFormat="1" applyFont="1" applyFill="1" applyBorder="1" applyAlignment="1" applyProtection="1"/>
    <xf numFmtId="37" fontId="11" fillId="0" borderId="11" xfId="14" applyFont="1" applyFill="1" applyBorder="1" applyAlignment="1"/>
    <xf numFmtId="39" fontId="11" fillId="0" borderId="11" xfId="14" applyNumberFormat="1" applyFont="1" applyFill="1" applyBorder="1" applyAlignment="1" applyProtection="1"/>
    <xf numFmtId="39" fontId="11" fillId="0" borderId="85" xfId="14" applyNumberFormat="1" applyFont="1" applyFill="1" applyBorder="1" applyAlignment="1" applyProtection="1">
      <alignment horizontal="left"/>
    </xf>
    <xf numFmtId="37" fontId="11" fillId="0" borderId="21" xfId="14" applyFont="1" applyFill="1" applyBorder="1" applyAlignment="1"/>
    <xf numFmtId="37" fontId="11" fillId="0" borderId="66" xfId="14" applyFont="1" applyFill="1" applyBorder="1" applyAlignment="1"/>
    <xf numFmtId="37" fontId="11" fillId="0" borderId="18" xfId="14" applyFont="1" applyFill="1" applyBorder="1" applyAlignment="1"/>
    <xf numFmtId="37" fontId="11" fillId="0" borderId="137" xfId="14" applyNumberFormat="1" applyFont="1" applyFill="1" applyBorder="1" applyAlignment="1" applyProtection="1">
      <alignment horizontal="centerContinuous"/>
    </xf>
    <xf numFmtId="37" fontId="11" fillId="0" borderId="18" xfId="14" applyNumberFormat="1" applyFont="1" applyFill="1" applyBorder="1" applyAlignment="1" applyProtection="1">
      <alignment horizontal="center"/>
    </xf>
    <xf numFmtId="39" fontId="11" fillId="0" borderId="18" xfId="14" applyNumberFormat="1" applyFont="1" applyFill="1" applyBorder="1" applyAlignment="1" applyProtection="1">
      <alignment horizontal="centerContinuous"/>
    </xf>
    <xf numFmtId="2" fontId="11" fillId="0" borderId="19" xfId="14" applyNumberFormat="1" applyFont="1" applyFill="1" applyBorder="1" applyAlignment="1" applyProtection="1"/>
    <xf numFmtId="37" fontId="11" fillId="0" borderId="57" xfId="14" applyNumberFormat="1" applyFont="1" applyFill="1" applyBorder="1" applyAlignment="1" applyProtection="1"/>
    <xf numFmtId="37" fontId="11" fillId="0" borderId="5" xfId="14" applyNumberFormat="1" applyFont="1" applyFill="1" applyBorder="1" applyAlignment="1" applyProtection="1"/>
    <xf numFmtId="37" fontId="11" fillId="0" borderId="40" xfId="14" applyNumberFormat="1" applyFont="1" applyFill="1" applyBorder="1" applyAlignment="1" applyProtection="1"/>
    <xf numFmtId="37" fontId="11" fillId="0" borderId="138" xfId="14" applyNumberFormat="1" applyFont="1" applyFill="1" applyBorder="1" applyAlignment="1" applyProtection="1"/>
    <xf numFmtId="37" fontId="11" fillId="0" borderId="22" xfId="14" applyNumberFormat="1" applyFont="1" applyFill="1" applyBorder="1" applyAlignment="1" applyProtection="1"/>
    <xf numFmtId="37" fontId="11" fillId="0" borderId="139" xfId="14" applyNumberFormat="1" applyFont="1" applyFill="1" applyBorder="1" applyAlignment="1" applyProtection="1"/>
    <xf numFmtId="37" fontId="11" fillId="0" borderId="140" xfId="14" applyNumberFormat="1" applyFont="1" applyFill="1" applyBorder="1" applyAlignment="1" applyProtection="1"/>
    <xf numFmtId="37" fontId="11" fillId="0" borderId="0" xfId="14" applyNumberFormat="1" applyFont="1" applyFill="1" applyBorder="1" applyAlignment="1" applyProtection="1"/>
    <xf numFmtId="37" fontId="11" fillId="0" borderId="140" xfId="14" applyFont="1" applyFill="1" applyBorder="1" applyAlignment="1"/>
    <xf numFmtId="37" fontId="21" fillId="0" borderId="2" xfId="14" applyFont="1" applyFill="1" applyBorder="1" applyAlignment="1" applyProtection="1">
      <alignment horizontal="left"/>
    </xf>
    <xf numFmtId="37" fontId="11" fillId="0" borderId="21" xfId="14" applyFont="1" applyFill="1" applyBorder="1" applyAlignment="1" applyProtection="1"/>
    <xf numFmtId="37" fontId="11" fillId="0" borderId="58" xfId="14" applyNumberFormat="1" applyFont="1" applyFill="1" applyBorder="1" applyAlignment="1" applyProtection="1"/>
    <xf numFmtId="37" fontId="11" fillId="0" borderId="15" xfId="14" applyNumberFormat="1" applyFont="1" applyFill="1" applyBorder="1" applyAlignment="1" applyProtection="1"/>
    <xf numFmtId="37" fontId="11" fillId="0" borderId="15" xfId="14" applyFont="1" applyFill="1" applyBorder="1" applyAlignment="1"/>
    <xf numFmtId="39" fontId="11" fillId="0" borderId="15" xfId="14" applyNumberFormat="1" applyFont="1" applyFill="1" applyBorder="1" applyAlignment="1" applyProtection="1"/>
    <xf numFmtId="39" fontId="11" fillId="0" borderId="40" xfId="14" applyNumberFormat="1" applyFont="1" applyFill="1" applyBorder="1" applyAlignment="1" applyProtection="1">
      <alignment horizontal="left"/>
    </xf>
    <xf numFmtId="37" fontId="11" fillId="0" borderId="51" xfId="14" applyFont="1" applyFill="1" applyBorder="1" applyAlignment="1"/>
    <xf numFmtId="37" fontId="11" fillId="0" borderId="22" xfId="14" applyFont="1" applyFill="1" applyBorder="1" applyAlignment="1"/>
    <xf numFmtId="37" fontId="11" fillId="0" borderId="141" xfId="14" applyNumberFormat="1" applyFont="1" applyFill="1" applyBorder="1" applyAlignment="1" applyProtection="1">
      <alignment horizontal="centerContinuous"/>
    </xf>
    <xf numFmtId="39" fontId="11" fillId="0" borderId="17" xfId="14" applyNumberFormat="1" applyFont="1" applyFill="1" applyBorder="1" applyAlignment="1" applyProtection="1">
      <alignment horizontal="centerContinuous"/>
    </xf>
    <xf numFmtId="2" fontId="11" fillId="0" borderId="2" xfId="14" applyNumberFormat="1" applyFont="1" applyFill="1" applyBorder="1" applyAlignment="1" applyProtection="1"/>
    <xf numFmtId="37" fontId="11" fillId="0" borderId="41" xfId="14" applyNumberFormat="1" applyFont="1" applyFill="1" applyBorder="1" applyAlignment="1" applyProtection="1"/>
    <xf numFmtId="37" fontId="11" fillId="0" borderId="83" xfId="14" applyNumberFormat="1" applyFont="1" applyFill="1" applyBorder="1" applyAlignment="1" applyProtection="1"/>
    <xf numFmtId="37" fontId="11" fillId="0" borderId="87" xfId="14" applyNumberFormat="1" applyFont="1" applyFill="1" applyBorder="1" applyAlignment="1" applyProtection="1"/>
    <xf numFmtId="37" fontId="14" fillId="0" borderId="0" xfId="14" applyFont="1" applyFill="1" applyAlignment="1"/>
    <xf numFmtId="37" fontId="11" fillId="0" borderId="66" xfId="14" applyNumberFormat="1" applyFont="1" applyFill="1" applyBorder="1" applyAlignment="1" applyProtection="1"/>
    <xf numFmtId="177" fontId="11" fillId="0" borderId="12" xfId="14" applyNumberFormat="1" applyFont="1" applyFill="1" applyBorder="1" applyAlignment="1" applyProtection="1"/>
    <xf numFmtId="37" fontId="11" fillId="0" borderId="19" xfId="14" applyNumberFormat="1" applyFont="1" applyFill="1" applyBorder="1" applyAlignment="1" applyProtection="1"/>
    <xf numFmtId="37" fontId="11" fillId="0" borderId="142" xfId="14" applyNumberFormat="1" applyFont="1" applyFill="1" applyBorder="1" applyAlignment="1" applyProtection="1"/>
    <xf numFmtId="37" fontId="11" fillId="0" borderId="21" xfId="14" applyNumberFormat="1" applyFont="1" applyFill="1" applyBorder="1" applyAlignment="1" applyProtection="1"/>
    <xf numFmtId="37" fontId="11" fillId="0" borderId="16" xfId="14" applyFont="1" applyFill="1" applyBorder="1" applyAlignment="1"/>
    <xf numFmtId="39" fontId="11" fillId="0" borderId="134" xfId="14" applyNumberFormat="1" applyFont="1" applyFill="1" applyBorder="1" applyAlignment="1" applyProtection="1"/>
    <xf numFmtId="39" fontId="11" fillId="0" borderId="135" xfId="14" applyNumberFormat="1" applyFont="1" applyFill="1" applyBorder="1" applyAlignment="1" applyProtection="1"/>
    <xf numFmtId="39" fontId="11" fillId="0" borderId="136" xfId="14" applyNumberFormat="1" applyFont="1" applyFill="1" applyBorder="1" applyAlignment="1" applyProtection="1"/>
    <xf numFmtId="37" fontId="11" fillId="0" borderId="44" xfId="14" applyNumberFormat="1" applyFont="1" applyFill="1" applyBorder="1" applyAlignment="1" applyProtection="1"/>
    <xf numFmtId="1" fontId="11" fillId="0" borderId="143" xfId="15" applyNumberFormat="1" applyFont="1" applyFill="1" applyBorder="1" applyAlignment="1"/>
    <xf numFmtId="3" fontId="11" fillId="0" borderId="19" xfId="15" applyNumberFormat="1" applyFont="1" applyFill="1" applyBorder="1" applyAlignment="1"/>
    <xf numFmtId="2" fontId="11" fillId="0" borderId="19" xfId="15" applyNumberFormat="1" applyFont="1" applyFill="1" applyBorder="1" applyAlignment="1"/>
    <xf numFmtId="2" fontId="11" fillId="0" borderId="89" xfId="15" applyNumberFormat="1" applyFont="1" applyFill="1" applyBorder="1" applyAlignment="1"/>
    <xf numFmtId="37" fontId="11" fillId="0" borderId="24" xfId="14" applyFont="1" applyFill="1" applyBorder="1" applyAlignment="1"/>
    <xf numFmtId="37" fontId="11" fillId="0" borderId="66" xfId="14" applyFont="1" applyFill="1" applyBorder="1" applyAlignment="1" applyProtection="1">
      <alignment horizontal="center"/>
    </xf>
    <xf numFmtId="2" fontId="11" fillId="0" borderId="18" xfId="14" applyNumberFormat="1" applyFont="1" applyFill="1" applyBorder="1" applyAlignment="1" applyProtection="1"/>
    <xf numFmtId="1" fontId="11" fillId="0" borderId="12" xfId="15" applyNumberFormat="1" applyFont="1" applyFill="1" applyBorder="1" applyAlignment="1">
      <alignment horizontal="center"/>
    </xf>
    <xf numFmtId="1" fontId="11" fillId="0" borderId="144" xfId="15" applyNumberFormat="1" applyFont="1" applyFill="1" applyBorder="1" applyAlignment="1">
      <alignment horizontal="center"/>
    </xf>
    <xf numFmtId="3" fontId="11" fillId="0" borderId="13" xfId="15" applyNumberFormat="1" applyFont="1" applyFill="1" applyBorder="1" applyAlignment="1">
      <alignment horizontal="center"/>
    </xf>
    <xf numFmtId="3" fontId="11" fillId="0" borderId="12" xfId="15" applyNumberFormat="1" applyFont="1" applyFill="1" applyBorder="1" applyAlignment="1">
      <alignment horizontal="center"/>
    </xf>
    <xf numFmtId="4" fontId="11" fillId="0" borderId="12" xfId="15" applyNumberFormat="1" applyFont="1" applyFill="1" applyBorder="1" applyAlignment="1"/>
    <xf numFmtId="37" fontId="11" fillId="0" borderId="3" xfId="14" applyNumberFormat="1" applyFont="1" applyFill="1" applyBorder="1" applyAlignment="1" applyProtection="1"/>
    <xf numFmtId="177" fontId="11" fillId="0" borderId="17" xfId="14" applyNumberFormat="1" applyFont="1" applyFill="1" applyBorder="1" applyAlignment="1" applyProtection="1"/>
    <xf numFmtId="37" fontId="11" fillId="0" borderId="2" xfId="14" applyNumberFormat="1" applyFont="1" applyFill="1" applyBorder="1" applyAlignment="1" applyProtection="1"/>
    <xf numFmtId="37" fontId="11" fillId="0" borderId="45" xfId="14" applyNumberFormat="1" applyFont="1" applyFill="1" applyBorder="1" applyAlignment="1" applyProtection="1"/>
    <xf numFmtId="37" fontId="11" fillId="0" borderId="17" xfId="14" applyNumberFormat="1" applyFont="1" applyFill="1" applyBorder="1" applyAlignment="1" applyProtection="1"/>
    <xf numFmtId="39" fontId="11" fillId="0" borderId="91" xfId="14" applyNumberFormat="1" applyFont="1" applyFill="1" applyBorder="1" applyAlignment="1" applyProtection="1"/>
    <xf numFmtId="39" fontId="11" fillId="0" borderId="33" xfId="14" applyNumberFormat="1" applyFont="1" applyFill="1" applyBorder="1" applyAlignment="1" applyProtection="1"/>
    <xf numFmtId="39" fontId="11" fillId="0" borderId="131" xfId="14" applyNumberFormat="1" applyFont="1" applyFill="1" applyBorder="1" applyAlignment="1" applyProtection="1"/>
    <xf numFmtId="37" fontId="11" fillId="0" borderId="43" xfId="14" applyNumberFormat="1" applyFont="1" applyFill="1" applyBorder="1" applyAlignment="1" applyProtection="1"/>
    <xf numFmtId="1" fontId="11" fillId="0" borderId="5" xfId="15" applyNumberFormat="1" applyFont="1" applyFill="1" applyBorder="1" applyAlignment="1"/>
    <xf numFmtId="3" fontId="11" fillId="0" borderId="5" xfId="15" applyNumberFormat="1" applyFont="1" applyFill="1" applyBorder="1" applyAlignment="1"/>
    <xf numFmtId="2" fontId="11" fillId="0" borderId="5" xfId="15" applyNumberFormat="1" applyFont="1" applyFill="1" applyBorder="1" applyAlignment="1"/>
    <xf numFmtId="2" fontId="11" fillId="0" borderId="87" xfId="15" applyNumberFormat="1" applyFont="1" applyFill="1" applyBorder="1" applyAlignment="1"/>
    <xf numFmtId="37" fontId="11" fillId="0" borderId="17" xfId="14" applyFont="1" applyFill="1" applyBorder="1" applyAlignment="1"/>
    <xf numFmtId="2" fontId="11" fillId="0" borderId="17" xfId="14" applyNumberFormat="1" applyFont="1" applyFill="1" applyBorder="1" applyAlignment="1" applyProtection="1"/>
    <xf numFmtId="1" fontId="11" fillId="0" borderId="145" xfId="15" applyNumberFormat="1" applyFont="1" applyFill="1" applyBorder="1" applyAlignment="1">
      <alignment horizontal="center" shrinkToFit="1"/>
    </xf>
    <xf numFmtId="3" fontId="11" fillId="0" borderId="23" xfId="15" applyNumberFormat="1" applyFont="1" applyFill="1" applyBorder="1" applyAlignment="1">
      <alignment horizontal="center"/>
    </xf>
    <xf numFmtId="3" fontId="11" fillId="0" borderId="5" xfId="15" applyNumberFormat="1" applyFont="1" applyFill="1" applyBorder="1" applyAlignment="1">
      <alignment horizontal="center"/>
    </xf>
    <xf numFmtId="1" fontId="11" fillId="0" borderId="5" xfId="15" applyNumberFormat="1" applyFont="1" applyFill="1" applyBorder="1" applyAlignment="1">
      <alignment horizontal="center"/>
    </xf>
    <xf numFmtId="4" fontId="11" fillId="0" borderId="5" xfId="15" applyNumberFormat="1" applyFont="1" applyFill="1" applyBorder="1" applyAlignment="1"/>
    <xf numFmtId="2" fontId="34" fillId="0" borderId="5" xfId="15" quotePrefix="1" applyNumberFormat="1" applyFont="1" applyFill="1" applyBorder="1" applyAlignment="1">
      <alignment horizontal="center"/>
    </xf>
    <xf numFmtId="1" fontId="11" fillId="0" borderId="2" xfId="15" applyNumberFormat="1" applyFont="1" applyFill="1" applyBorder="1" applyAlignment="1"/>
    <xf numFmtId="3" fontId="11" fillId="0" borderId="2" xfId="15" applyNumberFormat="1" applyFont="1" applyFill="1" applyBorder="1" applyAlignment="1"/>
    <xf numFmtId="2" fontId="11" fillId="0" borderId="2" xfId="15" applyNumberFormat="1" applyFont="1" applyFill="1" applyBorder="1" applyAlignment="1"/>
    <xf numFmtId="2" fontId="11" fillId="0" borderId="74" xfId="15" applyNumberFormat="1" applyFont="1" applyFill="1" applyBorder="1" applyAlignment="1"/>
    <xf numFmtId="1" fontId="11" fillId="0" borderId="2" xfId="15" applyNumberFormat="1" applyFont="1" applyFill="1" applyBorder="1" applyAlignment="1">
      <alignment horizontal="center"/>
    </xf>
    <xf numFmtId="1" fontId="11" fillId="0" borderId="146" xfId="15" applyNumberFormat="1" applyFont="1" applyFill="1" applyBorder="1" applyAlignment="1">
      <alignment horizontal="center"/>
    </xf>
    <xf numFmtId="3" fontId="11" fillId="0" borderId="17" xfId="15" applyNumberFormat="1" applyFont="1" applyFill="1" applyBorder="1" applyAlignment="1">
      <alignment horizontal="center"/>
    </xf>
    <xf numFmtId="3" fontId="11" fillId="0" borderId="2" xfId="15" applyNumberFormat="1" applyFont="1" applyFill="1" applyBorder="1" applyAlignment="1">
      <alignment horizontal="center"/>
    </xf>
    <xf numFmtId="4" fontId="11" fillId="0" borderId="2" xfId="15" applyNumberFormat="1" applyFont="1" applyFill="1" applyBorder="1" applyAlignment="1"/>
    <xf numFmtId="3" fontId="11" fillId="0" borderId="12" xfId="14" applyNumberFormat="1" applyFont="1" applyFill="1" applyBorder="1" applyAlignment="1" applyProtection="1"/>
    <xf numFmtId="37" fontId="11" fillId="0" borderId="24" xfId="14" applyNumberFormat="1" applyFont="1" applyFill="1" applyBorder="1" applyAlignment="1" applyProtection="1"/>
    <xf numFmtId="1" fontId="11" fillId="0" borderId="12" xfId="15" applyNumberFormat="1" applyFont="1" applyFill="1" applyBorder="1" applyAlignment="1"/>
    <xf numFmtId="3" fontId="11" fillId="0" borderId="12" xfId="15" applyNumberFormat="1" applyFont="1" applyFill="1" applyBorder="1" applyAlignment="1">
      <alignment horizontal="right"/>
    </xf>
    <xf numFmtId="3" fontId="11" fillId="0" borderId="12" xfId="15" applyNumberFormat="1" applyFont="1" applyFill="1" applyBorder="1" applyAlignment="1"/>
    <xf numFmtId="37" fontId="11" fillId="0" borderId="12" xfId="14" quotePrefix="1" applyFont="1" applyFill="1" applyBorder="1" applyAlignment="1" applyProtection="1">
      <alignment horizontal="right"/>
    </xf>
    <xf numFmtId="2" fontId="11" fillId="0" borderId="88" xfId="15" applyNumberFormat="1" applyFont="1" applyFill="1" applyBorder="1" applyAlignment="1"/>
    <xf numFmtId="3" fontId="11" fillId="0" borderId="17" xfId="14" applyNumberFormat="1" applyFont="1" applyFill="1" applyBorder="1" applyAlignment="1" applyProtection="1"/>
    <xf numFmtId="3" fontId="11" fillId="0" borderId="5" xfId="15" applyNumberFormat="1" applyFont="1" applyFill="1" applyBorder="1" applyAlignment="1">
      <alignment horizontal="right"/>
    </xf>
    <xf numFmtId="37" fontId="11" fillId="0" borderId="5" xfId="14" quotePrefix="1" applyFont="1" applyFill="1" applyBorder="1" applyAlignment="1" applyProtection="1">
      <alignment horizontal="right"/>
    </xf>
    <xf numFmtId="1" fontId="11" fillId="0" borderId="145" xfId="15" applyNumberFormat="1" applyFont="1" applyFill="1" applyBorder="1" applyAlignment="1">
      <alignment horizontal="center"/>
    </xf>
    <xf numFmtId="2" fontId="11" fillId="0" borderId="5" xfId="15" applyNumberFormat="1" applyFont="1" applyFill="1" applyBorder="1" applyAlignment="1">
      <alignment horizontal="right"/>
    </xf>
    <xf numFmtId="37" fontId="11" fillId="0" borderId="53" xfId="14" applyFont="1" applyFill="1" applyBorder="1" applyAlignment="1" applyProtection="1"/>
    <xf numFmtId="4" fontId="11" fillId="0" borderId="5" xfId="14" quotePrefix="1" applyNumberFormat="1" applyFont="1" applyFill="1" applyBorder="1" applyAlignment="1" applyProtection="1">
      <alignment horizontal="right"/>
    </xf>
    <xf numFmtId="39" fontId="11" fillId="0" borderId="58" xfId="14" applyNumberFormat="1" applyFont="1" applyFill="1" applyBorder="1" applyAlignment="1" applyProtection="1"/>
    <xf numFmtId="39" fontId="11" fillId="0" borderId="1" xfId="14" applyNumberFormat="1" applyFont="1" applyFill="1" applyBorder="1" applyAlignment="1" applyProtection="1"/>
    <xf numFmtId="3" fontId="11" fillId="0" borderId="2" xfId="15" applyNumberFormat="1" applyFont="1" applyFill="1" applyBorder="1" applyAlignment="1">
      <alignment horizontal="right"/>
    </xf>
    <xf numFmtId="37" fontId="11" fillId="0" borderId="2" xfId="14" quotePrefix="1" applyFont="1" applyFill="1" applyBorder="1" applyAlignment="1" applyProtection="1">
      <alignment horizontal="right"/>
    </xf>
    <xf numFmtId="37" fontId="11" fillId="0" borderId="5" xfId="14" applyFont="1" applyFill="1" applyBorder="1" applyAlignment="1"/>
    <xf numFmtId="37" fontId="11" fillId="0" borderId="6" xfId="14" applyNumberFormat="1" applyFont="1" applyFill="1" applyBorder="1" applyAlignment="1" applyProtection="1"/>
    <xf numFmtId="3" fontId="11" fillId="0" borderId="5" xfId="14" applyNumberFormat="1" applyFont="1" applyFill="1" applyBorder="1" applyAlignment="1" applyProtection="1"/>
    <xf numFmtId="37" fontId="11" fillId="0" borderId="49" xfId="14" applyFont="1" applyFill="1" applyBorder="1" applyAlignment="1"/>
    <xf numFmtId="39" fontId="11" fillId="0" borderId="57" xfId="14" applyNumberFormat="1" applyFont="1" applyFill="1" applyBorder="1" applyAlignment="1" applyProtection="1"/>
    <xf numFmtId="39" fontId="11" fillId="0" borderId="4" xfId="14" applyNumberFormat="1" applyFont="1" applyFill="1" applyBorder="1" applyAlignment="1" applyProtection="1"/>
    <xf numFmtId="37" fontId="21" fillId="0" borderId="5" xfId="14" applyFont="1" applyFill="1" applyBorder="1" applyAlignment="1" applyProtection="1">
      <alignment horizontal="left"/>
    </xf>
    <xf numFmtId="37" fontId="11" fillId="0" borderId="23" xfId="14" applyFont="1" applyFill="1" applyBorder="1" applyAlignment="1"/>
    <xf numFmtId="37" fontId="11" fillId="0" borderId="5" xfId="14" applyFont="1" applyFill="1" applyBorder="1" applyAlignment="1" applyProtection="1">
      <alignment horizontal="center"/>
    </xf>
    <xf numFmtId="2" fontId="11" fillId="0" borderId="5" xfId="14" applyNumberFormat="1" applyFont="1" applyFill="1" applyBorder="1" applyAlignment="1" applyProtection="1"/>
    <xf numFmtId="3" fontId="11" fillId="0" borderId="147" xfId="15" applyNumberFormat="1" applyFont="1" applyFill="1" applyBorder="1" applyAlignment="1">
      <alignment horizontal="center"/>
    </xf>
    <xf numFmtId="37" fontId="11" fillId="0" borderId="5" xfId="14" quotePrefix="1" applyFont="1" applyFill="1" applyBorder="1" applyAlignment="1" applyProtection="1">
      <alignment horizontal="center"/>
    </xf>
    <xf numFmtId="1" fontId="11" fillId="0" borderId="4" xfId="15" applyNumberFormat="1" applyFont="1" applyFill="1" applyBorder="1" applyAlignment="1">
      <alignment horizontal="center"/>
    </xf>
    <xf numFmtId="4" fontId="11" fillId="0" borderId="5" xfId="15" applyNumberFormat="1" applyFont="1" applyFill="1" applyBorder="1" applyAlignment="1">
      <alignment horizontal="center" vertical="center"/>
    </xf>
    <xf numFmtId="37" fontId="11" fillId="0" borderId="51" xfId="14" applyNumberFormat="1" applyFont="1" applyFill="1" applyBorder="1" applyAlignment="1" applyProtection="1"/>
    <xf numFmtId="3" fontId="11" fillId="0" borderId="22" xfId="14" applyNumberFormat="1" applyFont="1" applyFill="1" applyBorder="1" applyAlignment="1" applyProtection="1"/>
    <xf numFmtId="37" fontId="11" fillId="0" borderId="148" xfId="14" applyNumberFormat="1" applyFont="1" applyFill="1" applyBorder="1" applyAlignment="1" applyProtection="1"/>
    <xf numFmtId="39" fontId="11" fillId="0" borderId="48" xfId="14" applyNumberFormat="1" applyFont="1" applyFill="1" applyBorder="1" applyAlignment="1" applyProtection="1"/>
    <xf numFmtId="37" fontId="11" fillId="0" borderId="46" xfId="14" applyNumberFormat="1" applyFont="1" applyFill="1" applyBorder="1" applyAlignment="1" applyProtection="1"/>
    <xf numFmtId="39" fontId="11" fillId="0" borderId="139" xfId="14" applyNumberFormat="1" applyFont="1" applyFill="1" applyBorder="1" applyAlignment="1" applyProtection="1"/>
    <xf numFmtId="39" fontId="11" fillId="0" borderId="140" xfId="14" applyNumberFormat="1" applyFont="1" applyFill="1" applyBorder="1" applyAlignment="1" applyProtection="1"/>
    <xf numFmtId="37" fontId="21" fillId="0" borderId="28" xfId="14" applyFont="1" applyFill="1" applyBorder="1" applyAlignment="1" applyProtection="1">
      <alignment horizontal="left"/>
    </xf>
    <xf numFmtId="1" fontId="11" fillId="0" borderId="27" xfId="15" applyNumberFormat="1" applyFont="1" applyFill="1" applyBorder="1" applyAlignment="1"/>
    <xf numFmtId="3" fontId="11" fillId="0" borderId="27" xfId="15" applyNumberFormat="1" applyFont="1" applyFill="1" applyBorder="1" applyAlignment="1">
      <alignment horizontal="right"/>
    </xf>
    <xf numFmtId="3" fontId="11" fillId="0" borderId="27" xfId="15" applyNumberFormat="1" applyFont="1" applyFill="1" applyBorder="1" applyAlignment="1"/>
    <xf numFmtId="2" fontId="11" fillId="0" borderId="82" xfId="15" applyNumberFormat="1" applyFont="1" applyFill="1" applyBorder="1" applyAlignment="1"/>
    <xf numFmtId="37" fontId="11" fillId="0" borderId="51" xfId="14" applyFont="1" applyFill="1" applyBorder="1" applyAlignment="1" applyProtection="1">
      <alignment horizontal="center"/>
    </xf>
    <xf numFmtId="2" fontId="11" fillId="0" borderId="22" xfId="14" applyNumberFormat="1" applyFont="1" applyFill="1" applyBorder="1" applyAlignment="1" applyProtection="1"/>
    <xf numFmtId="1" fontId="11" fillId="0" borderId="27" xfId="15" applyNumberFormat="1" applyFont="1" applyFill="1" applyBorder="1" applyAlignment="1">
      <alignment horizontal="center"/>
    </xf>
    <xf numFmtId="1" fontId="11" fillId="0" borderId="149" xfId="15" applyNumberFormat="1" applyFont="1" applyFill="1" applyBorder="1" applyAlignment="1">
      <alignment horizontal="center"/>
    </xf>
    <xf numFmtId="3" fontId="11" fillId="0" borderId="25" xfId="15" applyNumberFormat="1" applyFont="1" applyFill="1" applyBorder="1" applyAlignment="1">
      <alignment horizontal="center"/>
    </xf>
    <xf numFmtId="3" fontId="11" fillId="0" borderId="27" xfId="15" applyNumberFormat="1" applyFont="1" applyFill="1" applyBorder="1" applyAlignment="1">
      <alignment horizontal="center"/>
    </xf>
    <xf numFmtId="4" fontId="11" fillId="0" borderId="27" xfId="15" applyNumberFormat="1" applyFont="1" applyFill="1" applyBorder="1" applyAlignment="1"/>
    <xf numFmtId="37" fontId="11" fillId="0" borderId="6" xfId="14" quotePrefix="1" applyFont="1" applyFill="1" applyBorder="1" applyAlignment="1" applyProtection="1">
      <alignment horizontal="center"/>
    </xf>
    <xf numFmtId="37" fontId="11" fillId="0" borderId="17" xfId="14" applyFont="1" applyFill="1" applyBorder="1" applyAlignment="1">
      <alignment horizontal="centerContinuous"/>
    </xf>
    <xf numFmtId="37" fontId="11" fillId="0" borderId="17" xfId="14" applyFont="1" applyFill="1" applyBorder="1" applyAlignment="1" applyProtection="1">
      <alignment horizontal="centerContinuous"/>
    </xf>
    <xf numFmtId="1" fontId="11" fillId="0" borderId="112" xfId="15" applyNumberFormat="1" applyFont="1" applyFill="1" applyBorder="1" applyAlignment="1"/>
    <xf numFmtId="0" fontId="34" fillId="0" borderId="5" xfId="15" applyNumberFormat="1" applyFont="1" applyFill="1" applyBorder="1"/>
    <xf numFmtId="1" fontId="11" fillId="0" borderId="28" xfId="15" applyNumberFormat="1" applyFont="1" applyFill="1" applyBorder="1" applyAlignment="1"/>
    <xf numFmtId="37" fontId="11" fillId="0" borderId="68" xfId="14" quotePrefix="1" applyFont="1" applyFill="1" applyBorder="1" applyAlignment="1" applyProtection="1">
      <alignment horizontal="right"/>
    </xf>
    <xf numFmtId="2" fontId="11" fillId="0" borderId="122" xfId="15" applyNumberFormat="1" applyFont="1" applyFill="1" applyBorder="1" applyAlignment="1"/>
    <xf numFmtId="37" fontId="11" fillId="0" borderId="51" xfId="14" quotePrefix="1" applyFont="1" applyFill="1" applyBorder="1" applyAlignment="1" applyProtection="1">
      <alignment horizontal="center"/>
    </xf>
    <xf numFmtId="1" fontId="11" fillId="0" borderId="150" xfId="15" applyNumberFormat="1" applyFont="1" applyFill="1" applyBorder="1" applyAlignment="1">
      <alignment horizontal="center"/>
    </xf>
    <xf numFmtId="37" fontId="11" fillId="0" borderId="66" xfId="14" applyFont="1" applyFill="1" applyBorder="1" applyAlignment="1" applyProtection="1">
      <alignment horizontal="left"/>
    </xf>
    <xf numFmtId="37" fontId="11" fillId="0" borderId="18" xfId="14" applyFont="1" applyFill="1" applyBorder="1" applyAlignment="1" applyProtection="1">
      <alignment horizontal="right"/>
    </xf>
    <xf numFmtId="37" fontId="11" fillId="0" borderId="24" xfId="14" applyFont="1" applyFill="1" applyBorder="1" applyAlignment="1" applyProtection="1">
      <alignment horizontal="right"/>
    </xf>
    <xf numFmtId="37" fontId="11" fillId="0" borderId="121" xfId="14" applyFont="1" applyFill="1" applyBorder="1" applyAlignment="1" applyProtection="1">
      <alignment horizontal="center"/>
    </xf>
    <xf numFmtId="37" fontId="11" fillId="0" borderId="18" xfId="14" applyFont="1" applyFill="1" applyBorder="1" applyAlignment="1" applyProtection="1">
      <alignment horizontal="center"/>
    </xf>
    <xf numFmtId="37" fontId="11" fillId="0" borderId="129" xfId="14" applyFont="1" applyFill="1" applyBorder="1" applyAlignment="1" applyProtection="1">
      <alignment horizontal="center"/>
    </xf>
    <xf numFmtId="37" fontId="11" fillId="0" borderId="130" xfId="14" applyFont="1" applyFill="1" applyBorder="1" applyAlignment="1" applyProtection="1">
      <alignment horizontal="center"/>
    </xf>
    <xf numFmtId="37" fontId="11" fillId="0" borderId="66" xfId="14" applyFont="1" applyFill="1" applyBorder="1" applyAlignment="1" applyProtection="1">
      <alignment horizontal="right"/>
    </xf>
    <xf numFmtId="37" fontId="11" fillId="0" borderId="19" xfId="14" applyFont="1" applyFill="1" applyBorder="1" applyAlignment="1" applyProtection="1">
      <alignment horizontal="right"/>
    </xf>
    <xf numFmtId="37" fontId="11" fillId="0" borderId="24" xfId="14" applyFont="1" applyFill="1" applyBorder="1"/>
    <xf numFmtId="37" fontId="11" fillId="0" borderId="22" xfId="14" applyFont="1" applyFill="1" applyBorder="1" applyAlignment="1" applyProtection="1">
      <alignment horizontal="distributed" justifyLastLine="1"/>
    </xf>
    <xf numFmtId="37" fontId="11" fillId="0" borderId="51" xfId="14" applyFont="1" applyFill="1" applyBorder="1" applyAlignment="1" applyProtection="1">
      <alignment horizontal="distributed" justifyLastLine="1"/>
    </xf>
    <xf numFmtId="37" fontId="11" fillId="0" borderId="22" xfId="14" applyFont="1" applyFill="1" applyBorder="1" applyAlignment="1" applyProtection="1">
      <alignment horizontal="center"/>
    </xf>
    <xf numFmtId="37" fontId="11" fillId="0" borderId="28" xfId="14" applyFont="1" applyFill="1" applyBorder="1" applyAlignment="1" applyProtection="1">
      <alignment horizontal="distributed" justifyLastLine="1"/>
    </xf>
    <xf numFmtId="37" fontId="11" fillId="0" borderId="42" xfId="14" applyFont="1" applyFill="1" applyBorder="1" applyAlignment="1" applyProtection="1">
      <alignment horizontal="distributed" justifyLastLine="1"/>
    </xf>
    <xf numFmtId="37" fontId="11" fillId="0" borderId="100" xfId="14" applyFont="1" applyFill="1" applyBorder="1" applyAlignment="1" applyProtection="1">
      <alignment horizontal="distributed" justifyLastLine="1"/>
    </xf>
    <xf numFmtId="37" fontId="11" fillId="0" borderId="59" xfId="14" applyFont="1" applyFill="1" applyBorder="1" applyAlignment="1" applyProtection="1">
      <alignment horizontal="distributed" justifyLastLine="1"/>
    </xf>
    <xf numFmtId="37" fontId="11" fillId="0" borderId="36" xfId="14" applyFont="1" applyFill="1" applyBorder="1" applyAlignment="1"/>
    <xf numFmtId="37" fontId="11" fillId="0" borderId="59" xfId="14" applyFont="1" applyFill="1" applyBorder="1" applyAlignment="1" applyProtection="1">
      <alignment horizontal="center"/>
    </xf>
    <xf numFmtId="37" fontId="11" fillId="0" borderId="71" xfId="14" applyFont="1" applyFill="1" applyBorder="1" applyAlignment="1"/>
    <xf numFmtId="37" fontId="11" fillId="0" borderId="102" xfId="14" applyFont="1" applyFill="1" applyBorder="1" applyAlignment="1" applyProtection="1">
      <alignment horizontal="distributed" justifyLastLine="1"/>
    </xf>
    <xf numFmtId="3" fontId="11" fillId="0" borderId="0" xfId="16" applyNumberFormat="1" applyFont="1" applyFill="1" applyBorder="1"/>
    <xf numFmtId="2" fontId="11" fillId="0" borderId="0" xfId="14" applyNumberFormat="1" applyFont="1" applyFill="1" applyBorder="1" applyProtection="1"/>
    <xf numFmtId="37" fontId="11" fillId="0" borderId="0" xfId="14" applyNumberFormat="1" applyFont="1" applyFill="1" applyBorder="1" applyAlignment="1" applyProtection="1">
      <alignment horizontal="centerContinuous"/>
    </xf>
    <xf numFmtId="37" fontId="11" fillId="0" borderId="0" xfId="14" applyFont="1" applyFill="1" applyBorder="1" applyAlignment="1">
      <alignment horizontal="centerContinuous"/>
    </xf>
    <xf numFmtId="3" fontId="11" fillId="0" borderId="78" xfId="16" applyNumberFormat="1" applyFont="1" applyFill="1" applyBorder="1" applyProtection="1"/>
    <xf numFmtId="37" fontId="11" fillId="0" borderId="80" xfId="14" applyNumberFormat="1" applyFont="1" applyFill="1" applyBorder="1" applyProtection="1"/>
    <xf numFmtId="4" fontId="11" fillId="0" borderId="84" xfId="14" applyNumberFormat="1" applyFont="1" applyFill="1" applyBorder="1" applyProtection="1"/>
    <xf numFmtId="4" fontId="11" fillId="0" borderId="80" xfId="14" applyNumberFormat="1" applyFont="1" applyFill="1" applyBorder="1" applyProtection="1"/>
    <xf numFmtId="39" fontId="11" fillId="0" borderId="80" xfId="14" applyNumberFormat="1" applyFont="1" applyFill="1" applyBorder="1" applyProtection="1"/>
    <xf numFmtId="4" fontId="11" fillId="0" borderId="80" xfId="14" applyNumberFormat="1" applyFont="1" applyFill="1" applyBorder="1" applyAlignment="1" applyProtection="1">
      <alignment horizontal="right"/>
    </xf>
    <xf numFmtId="37" fontId="11" fillId="0" borderId="52" xfId="14" applyNumberFormat="1" applyFont="1" applyFill="1" applyBorder="1" applyProtection="1"/>
    <xf numFmtId="3" fontId="11" fillId="0" borderId="12" xfId="16" quotePrefix="1" applyNumberFormat="1" applyFont="1" applyFill="1" applyBorder="1" applyAlignment="1" applyProtection="1">
      <alignment horizontal="center"/>
    </xf>
    <xf numFmtId="37" fontId="11" fillId="0" borderId="12" xfId="14" applyNumberFormat="1" applyFont="1" applyFill="1" applyBorder="1" applyProtection="1"/>
    <xf numFmtId="3" fontId="11" fillId="0" borderId="17" xfId="16" applyNumberFormat="1" applyFont="1" applyFill="1" applyBorder="1" applyProtection="1"/>
    <xf numFmtId="39" fontId="11" fillId="0" borderId="6" xfId="14" applyNumberFormat="1" applyFont="1" applyFill="1" applyBorder="1" applyProtection="1"/>
    <xf numFmtId="37" fontId="11" fillId="0" borderId="2" xfId="14" applyNumberFormat="1" applyFont="1" applyFill="1" applyBorder="1" applyProtection="1"/>
    <xf numFmtId="39" fontId="11" fillId="0" borderId="2" xfId="14" applyNumberFormat="1" applyFont="1" applyFill="1" applyBorder="1" applyProtection="1"/>
    <xf numFmtId="3" fontId="11" fillId="0" borderId="63" xfId="16" applyNumberFormat="1" applyFont="1" applyFill="1" applyBorder="1" applyProtection="1"/>
    <xf numFmtId="39" fontId="11" fillId="0" borderId="83" xfId="14" applyNumberFormat="1" applyFont="1" applyFill="1" applyBorder="1" applyProtection="1"/>
    <xf numFmtId="37" fontId="11" fillId="0" borderId="64" xfId="14" applyNumberFormat="1" applyFont="1" applyFill="1" applyBorder="1" applyProtection="1"/>
    <xf numFmtId="3" fontId="11" fillId="0" borderId="18" xfId="16" applyNumberFormat="1" applyFont="1" applyFill="1" applyBorder="1" applyAlignment="1" applyProtection="1"/>
    <xf numFmtId="37" fontId="11" fillId="0" borderId="89" xfId="14" applyFont="1" applyFill="1" applyBorder="1" applyAlignment="1" applyProtection="1"/>
    <xf numFmtId="37" fontId="11" fillId="0" borderId="19" xfId="14" applyFont="1" applyFill="1" applyBorder="1" applyAlignment="1"/>
    <xf numFmtId="37" fontId="11" fillId="0" borderId="52" xfId="14" applyNumberFormat="1" applyFont="1" applyFill="1" applyBorder="1" applyAlignment="1" applyProtection="1"/>
    <xf numFmtId="39" fontId="11" fillId="0" borderId="16" xfId="14" applyNumberFormat="1" applyFont="1" applyFill="1" applyBorder="1" applyAlignment="1" applyProtection="1"/>
    <xf numFmtId="39" fontId="11" fillId="0" borderId="24" xfId="14" applyNumberFormat="1" applyFont="1" applyFill="1" applyBorder="1" applyAlignment="1" applyProtection="1">
      <alignment horizontal="left"/>
    </xf>
    <xf numFmtId="37" fontId="11" fillId="0" borderId="19" xfId="14" applyNumberFormat="1" applyFont="1" applyFill="1" applyBorder="1" applyAlignment="1" applyProtection="1">
      <alignment horizontal="centerContinuous"/>
    </xf>
    <xf numFmtId="37" fontId="11" fillId="0" borderId="19" xfId="14" applyNumberFormat="1" applyFont="1" applyFill="1" applyBorder="1" applyAlignment="1" applyProtection="1">
      <alignment horizontal="center"/>
    </xf>
    <xf numFmtId="2" fontId="11" fillId="0" borderId="19" xfId="14" applyNumberFormat="1" applyFont="1" applyFill="1" applyBorder="1" applyAlignment="1" applyProtection="1">
      <alignment horizontal="center"/>
    </xf>
    <xf numFmtId="3" fontId="11" fillId="0" borderId="5" xfId="16" applyNumberFormat="1" applyFont="1" applyFill="1" applyBorder="1" applyAlignment="1" applyProtection="1"/>
    <xf numFmtId="37" fontId="11" fillId="0" borderId="87" xfId="14" applyFont="1" applyFill="1" applyBorder="1" applyAlignment="1" applyProtection="1"/>
    <xf numFmtId="37" fontId="11" fillId="0" borderId="28" xfId="14" applyNumberFormat="1" applyFont="1" applyFill="1" applyBorder="1" applyAlignment="1" applyProtection="1"/>
    <xf numFmtId="37" fontId="11" fillId="0" borderId="28" xfId="14" applyFont="1" applyFill="1" applyBorder="1" applyAlignment="1"/>
    <xf numFmtId="37" fontId="11" fillId="0" borderId="49" xfId="14" applyNumberFormat="1" applyFont="1" applyFill="1" applyBorder="1" applyAlignment="1" applyProtection="1"/>
    <xf numFmtId="39" fontId="11" fillId="0" borderId="49" xfId="14" applyNumberFormat="1" applyFont="1" applyFill="1" applyBorder="1" applyAlignment="1" applyProtection="1"/>
    <xf numFmtId="39" fontId="11" fillId="0" borderId="41" xfId="14" applyNumberFormat="1" applyFont="1" applyFill="1" applyBorder="1" applyAlignment="1" applyProtection="1">
      <alignment horizontal="left"/>
    </xf>
    <xf numFmtId="37" fontId="11" fillId="0" borderId="28" xfId="14" applyNumberFormat="1" applyFont="1" applyFill="1" applyBorder="1" applyAlignment="1" applyProtection="1">
      <alignment horizontal="centerContinuous"/>
    </xf>
    <xf numFmtId="2" fontId="11" fillId="0" borderId="2" xfId="14" applyNumberFormat="1" applyFont="1" applyFill="1" applyBorder="1" applyAlignment="1" applyProtection="1">
      <alignment horizontal="center"/>
    </xf>
    <xf numFmtId="3" fontId="11" fillId="0" borderId="5" xfId="16" applyNumberFormat="1" applyFont="1" applyFill="1" applyBorder="1" applyAlignment="1" applyProtection="1">
      <alignment vertical="center"/>
    </xf>
    <xf numFmtId="37" fontId="11" fillId="0" borderId="5" xfId="14" applyNumberFormat="1" applyFont="1" applyFill="1" applyBorder="1" applyAlignment="1" applyProtection="1">
      <alignment vertical="center"/>
    </xf>
    <xf numFmtId="3" fontId="11" fillId="0" borderId="22" xfId="16" applyNumberFormat="1" applyFont="1" applyFill="1" applyBorder="1" applyAlignment="1" applyProtection="1"/>
    <xf numFmtId="37" fontId="11" fillId="0" borderId="53" xfId="14" applyNumberFormat="1" applyFont="1" applyFill="1" applyBorder="1" applyAlignment="1" applyProtection="1"/>
    <xf numFmtId="37" fontId="11" fillId="0" borderId="152" xfId="14" applyNumberFormat="1" applyFont="1" applyFill="1" applyBorder="1" applyAlignment="1" applyProtection="1"/>
    <xf numFmtId="37" fontId="11" fillId="0" borderId="76" xfId="14" applyNumberFormat="1" applyFont="1" applyFill="1" applyBorder="1" applyAlignment="1" applyProtection="1"/>
    <xf numFmtId="37" fontId="11" fillId="0" borderId="76" xfId="14" applyFont="1" applyFill="1" applyBorder="1" applyAlignment="1"/>
    <xf numFmtId="39" fontId="11" fillId="0" borderId="76" xfId="14" applyNumberFormat="1" applyFont="1" applyFill="1" applyBorder="1" applyAlignment="1" applyProtection="1"/>
    <xf numFmtId="39" fontId="11" fillId="0" borderId="21" xfId="14" applyNumberFormat="1" applyFont="1" applyFill="1" applyBorder="1" applyAlignment="1" applyProtection="1">
      <alignment horizontal="left"/>
    </xf>
    <xf numFmtId="37" fontId="11" fillId="0" borderId="77" xfId="14" applyFont="1" applyFill="1" applyBorder="1" applyAlignment="1"/>
    <xf numFmtId="37" fontId="11" fillId="0" borderId="68" xfId="14" applyNumberFormat="1" applyFont="1" applyFill="1" applyBorder="1" applyAlignment="1" applyProtection="1">
      <alignment horizontal="centerContinuous"/>
    </xf>
    <xf numFmtId="3" fontId="11" fillId="0" borderId="19" xfId="16" applyNumberFormat="1" applyFont="1" applyFill="1" applyBorder="1" applyAlignment="1" applyProtection="1"/>
    <xf numFmtId="39" fontId="11" fillId="0" borderId="66" xfId="14" applyNumberFormat="1" applyFont="1" applyFill="1" applyBorder="1" applyAlignment="1" applyProtection="1"/>
    <xf numFmtId="39" fontId="11" fillId="0" borderId="19" xfId="14" applyNumberFormat="1" applyFont="1" applyFill="1" applyBorder="1" applyAlignment="1" applyProtection="1"/>
    <xf numFmtId="37" fontId="11" fillId="0" borderId="12" xfId="14" applyNumberFormat="1" applyFont="1" applyFill="1" applyBorder="1" applyAlignment="1" applyProtection="1"/>
    <xf numFmtId="1" fontId="11" fillId="0" borderId="153" xfId="15" applyNumberFormat="1" applyFont="1" applyFill="1" applyBorder="1" applyAlignment="1"/>
    <xf numFmtId="2" fontId="11" fillId="0" borderId="12" xfId="15" applyNumberFormat="1" applyFont="1" applyFill="1" applyBorder="1" applyAlignment="1"/>
    <xf numFmtId="4" fontId="11" fillId="0" borderId="12" xfId="15" applyNumberFormat="1" applyFont="1" applyFill="1" applyBorder="1" applyAlignment="1">
      <alignment horizontal="center"/>
    </xf>
    <xf numFmtId="3" fontId="11" fillId="0" borderId="17" xfId="16" applyNumberFormat="1" applyFont="1" applyFill="1" applyBorder="1" applyAlignment="1" applyProtection="1"/>
    <xf numFmtId="39" fontId="11" fillId="0" borderId="3" xfId="14" applyNumberFormat="1" applyFont="1" applyFill="1" applyBorder="1" applyAlignment="1" applyProtection="1"/>
    <xf numFmtId="39" fontId="11" fillId="0" borderId="2" xfId="14" applyNumberFormat="1" applyFont="1" applyFill="1" applyBorder="1" applyAlignment="1" applyProtection="1"/>
    <xf numFmtId="1" fontId="11" fillId="0" borderId="154" xfId="15" applyNumberFormat="1" applyFont="1" applyFill="1" applyBorder="1" applyAlignment="1"/>
    <xf numFmtId="1" fontId="11" fillId="0" borderId="5" xfId="15" applyNumberFormat="1" applyFont="1" applyFill="1" applyBorder="1" applyAlignment="1">
      <alignment horizontal="center" shrinkToFit="1"/>
    </xf>
    <xf numFmtId="4" fontId="11" fillId="0" borderId="5" xfId="15" applyNumberFormat="1" applyFont="1" applyFill="1" applyBorder="1" applyAlignment="1">
      <alignment horizontal="center"/>
    </xf>
    <xf numFmtId="1" fontId="11" fillId="0" borderId="155" xfId="15" applyNumberFormat="1" applyFont="1" applyFill="1" applyBorder="1" applyAlignment="1"/>
    <xf numFmtId="4" fontId="11" fillId="0" borderId="2" xfId="15" applyNumberFormat="1" applyFont="1" applyFill="1" applyBorder="1" applyAlignment="1">
      <alignment horizontal="center"/>
    </xf>
    <xf numFmtId="3" fontId="36" fillId="0" borderId="110" xfId="15" applyNumberFormat="1" applyFont="1" applyFill="1" applyBorder="1" applyAlignment="1"/>
    <xf numFmtId="37" fontId="11" fillId="0" borderId="111" xfId="14" quotePrefix="1" applyFont="1" applyFill="1" applyBorder="1" applyAlignment="1" applyProtection="1">
      <alignment horizontal="right"/>
    </xf>
    <xf numFmtId="37" fontId="11" fillId="0" borderId="116" xfId="14" quotePrefix="1" applyFont="1" applyFill="1" applyBorder="1" applyAlignment="1" applyProtection="1">
      <alignment horizontal="right"/>
    </xf>
    <xf numFmtId="2" fontId="11" fillId="0" borderId="116" xfId="15" applyNumberFormat="1" applyFont="1" applyFill="1" applyBorder="1" applyAlignment="1">
      <alignment horizontal="right" vertical="center"/>
    </xf>
    <xf numFmtId="1" fontId="18" fillId="0" borderId="5" xfId="15" applyNumberFormat="1" applyFont="1" applyFill="1" applyBorder="1" applyAlignment="1">
      <alignment horizontal="center"/>
    </xf>
    <xf numFmtId="3" fontId="36" fillId="0" borderId="107" xfId="15" applyNumberFormat="1" applyFont="1" applyFill="1" applyBorder="1" applyAlignment="1"/>
    <xf numFmtId="37" fontId="11" fillId="0" borderId="99" xfId="14" quotePrefix="1" applyFont="1" applyFill="1" applyBorder="1" applyAlignment="1" applyProtection="1">
      <alignment horizontal="right"/>
    </xf>
    <xf numFmtId="39" fontId="11" fillId="0" borderId="6" xfId="14" applyNumberFormat="1" applyFont="1" applyFill="1" applyBorder="1" applyAlignment="1" applyProtection="1"/>
    <xf numFmtId="39" fontId="11" fillId="0" borderId="5" xfId="14" applyNumberFormat="1" applyFont="1" applyFill="1" applyBorder="1" applyAlignment="1" applyProtection="1"/>
    <xf numFmtId="3" fontId="36" fillId="0" borderId="5" xfId="15" applyNumberFormat="1" applyFont="1" applyFill="1" applyBorder="1" applyAlignment="1"/>
    <xf numFmtId="1" fontId="11" fillId="0" borderId="6" xfId="15" applyNumberFormat="1" applyFont="1" applyFill="1" applyBorder="1" applyAlignment="1">
      <alignment horizontal="center"/>
    </xf>
    <xf numFmtId="39" fontId="11" fillId="0" borderId="51" xfId="14" applyNumberFormat="1" applyFont="1" applyFill="1" applyBorder="1" applyAlignment="1" applyProtection="1"/>
    <xf numFmtId="39" fontId="11" fillId="0" borderId="28" xfId="14" applyNumberFormat="1" applyFont="1" applyFill="1" applyBorder="1" applyAlignment="1" applyProtection="1"/>
    <xf numFmtId="3" fontId="11" fillId="0" borderId="28" xfId="15" applyNumberFormat="1" applyFont="1" applyFill="1" applyBorder="1" applyAlignment="1">
      <alignment horizontal="right"/>
    </xf>
    <xf numFmtId="37" fontId="11" fillId="0" borderId="113" xfId="14" quotePrefix="1" applyFont="1" applyFill="1" applyBorder="1" applyAlignment="1" applyProtection="1">
      <alignment horizontal="right"/>
    </xf>
    <xf numFmtId="2" fontId="11" fillId="0" borderId="53" xfId="15" applyNumberFormat="1" applyFont="1" applyFill="1" applyBorder="1" applyAlignment="1"/>
    <xf numFmtId="1" fontId="11" fillId="0" borderId="28" xfId="15" applyNumberFormat="1" applyFont="1" applyFill="1" applyBorder="1" applyAlignment="1">
      <alignment horizontal="center"/>
    </xf>
    <xf numFmtId="3" fontId="11" fillId="0" borderId="28" xfId="15" applyNumberFormat="1" applyFont="1" applyFill="1" applyBorder="1" applyAlignment="1">
      <alignment horizontal="center"/>
    </xf>
    <xf numFmtId="4" fontId="11" fillId="0" borderId="28" xfId="15" applyNumberFormat="1" applyFont="1" applyFill="1" applyBorder="1" applyAlignment="1">
      <alignment horizontal="center"/>
    </xf>
    <xf numFmtId="37" fontId="11" fillId="0" borderId="27" xfId="14" applyNumberFormat="1" applyFont="1" applyFill="1" applyBorder="1" applyAlignment="1" applyProtection="1"/>
    <xf numFmtId="4" fontId="11" fillId="0" borderId="27" xfId="15" applyNumberFormat="1" applyFont="1" applyFill="1" applyBorder="1" applyAlignment="1">
      <alignment horizontal="center"/>
    </xf>
    <xf numFmtId="37" fontId="21" fillId="0" borderId="27" xfId="14" applyFont="1" applyFill="1" applyBorder="1" applyAlignment="1" applyProtection="1">
      <alignment horizontal="left"/>
    </xf>
    <xf numFmtId="0" fontId="34" fillId="0" borderId="5" xfId="15" applyNumberFormat="1" applyFont="1" applyFill="1" applyBorder="1" applyAlignment="1">
      <alignment horizontal="center"/>
    </xf>
    <xf numFmtId="37" fontId="11" fillId="0" borderId="156" xfId="14" quotePrefix="1" applyFont="1" applyFill="1" applyBorder="1" applyAlignment="1" applyProtection="1">
      <alignment horizontal="right"/>
    </xf>
    <xf numFmtId="3" fontId="36" fillId="0" borderId="157" xfId="15" applyNumberFormat="1" applyFont="1" applyFill="1" applyBorder="1" applyAlignment="1"/>
    <xf numFmtId="1" fontId="11" fillId="0" borderId="64" xfId="15" applyNumberFormat="1" applyFont="1" applyFill="1" applyBorder="1" applyAlignment="1">
      <alignment horizontal="center"/>
    </xf>
    <xf numFmtId="3" fontId="11" fillId="0" borderId="18" xfId="16" applyNumberFormat="1" applyFont="1" applyFill="1" applyBorder="1" applyAlignment="1" applyProtection="1">
      <alignment horizontal="right"/>
    </xf>
    <xf numFmtId="37" fontId="11" fillId="0" borderId="29" xfId="14" applyFont="1" applyFill="1" applyBorder="1" applyAlignment="1" applyProtection="1">
      <alignment horizontal="center"/>
    </xf>
    <xf numFmtId="37" fontId="36" fillId="0" borderId="18" xfId="14" applyFont="1" applyFill="1" applyBorder="1" applyAlignment="1" applyProtection="1">
      <alignment horizontal="right"/>
    </xf>
    <xf numFmtId="37" fontId="36" fillId="0" borderId="22" xfId="14" applyFont="1" applyFill="1" applyBorder="1" applyAlignment="1" applyProtection="1">
      <alignment horizontal="distributed" justifyLastLine="1"/>
    </xf>
    <xf numFmtId="37" fontId="11" fillId="0" borderId="0" xfId="14" quotePrefix="1" applyFont="1" applyFill="1" applyBorder="1"/>
    <xf numFmtId="37" fontId="11" fillId="0" borderId="10" xfId="14" quotePrefix="1" applyFont="1" applyFill="1" applyBorder="1"/>
    <xf numFmtId="37" fontId="12" fillId="0" borderId="0" xfId="14" applyFont="1" applyFill="1" applyBorder="1" applyProtection="1"/>
    <xf numFmtId="37" fontId="4" fillId="0" borderId="0" xfId="14" applyFont="1" applyFill="1" applyAlignment="1" applyProtection="1">
      <alignment horizontal="left"/>
    </xf>
    <xf numFmtId="37" fontId="4" fillId="0" borderId="0" xfId="14" applyFont="1" applyFill="1" applyBorder="1" applyAlignment="1" applyProtection="1">
      <alignment horizontal="left"/>
    </xf>
    <xf numFmtId="3" fontId="11" fillId="0" borderId="0" xfId="14" applyNumberFormat="1" applyFont="1" applyFill="1"/>
    <xf numFmtId="37" fontId="19" fillId="0" borderId="0" xfId="14" applyFont="1" applyFill="1"/>
    <xf numFmtId="2" fontId="11" fillId="0" borderId="0" xfId="14" applyNumberFormat="1" applyFont="1" applyFill="1" applyProtection="1"/>
    <xf numFmtId="37" fontId="11" fillId="0" borderId="0" xfId="14" applyNumberFormat="1" applyFont="1" applyFill="1" applyAlignment="1" applyProtection="1">
      <alignment horizontal="centerContinuous"/>
    </xf>
    <xf numFmtId="37" fontId="11" fillId="0" borderId="0" xfId="14" applyFont="1" applyFill="1" applyAlignment="1">
      <alignment horizontal="centerContinuous"/>
    </xf>
    <xf numFmtId="3" fontId="11" fillId="0" borderId="78" xfId="14" applyNumberFormat="1" applyFont="1" applyFill="1" applyBorder="1" applyProtection="1"/>
    <xf numFmtId="39" fontId="11" fillId="0" borderId="84" xfId="14" applyNumberFormat="1" applyFont="1" applyFill="1" applyBorder="1" applyProtection="1"/>
    <xf numFmtId="37" fontId="11" fillId="0" borderId="78" xfId="14" applyNumberFormat="1" applyFont="1" applyFill="1" applyBorder="1" applyAlignment="1" applyProtection="1">
      <alignment horizontal="center"/>
    </xf>
    <xf numFmtId="37" fontId="11" fillId="0" borderId="79" xfId="14" applyFont="1" applyFill="1" applyBorder="1" applyAlignment="1" applyProtection="1">
      <alignment horizontal="center"/>
    </xf>
    <xf numFmtId="3" fontId="11" fillId="0" borderId="12" xfId="14" quotePrefix="1" applyNumberFormat="1" applyFont="1" applyFill="1" applyBorder="1" applyAlignment="1" applyProtection="1">
      <alignment horizontal="center"/>
    </xf>
    <xf numFmtId="37" fontId="11" fillId="0" borderId="52" xfId="14" applyFont="1" applyFill="1" applyBorder="1" applyAlignment="1" applyProtection="1">
      <alignment horizontal="center"/>
    </xf>
    <xf numFmtId="37" fontId="11" fillId="0" borderId="61" xfId="14" applyFont="1" applyFill="1" applyBorder="1" applyAlignment="1" applyProtection="1">
      <alignment horizontal="center"/>
    </xf>
    <xf numFmtId="37" fontId="11" fillId="0" borderId="54" xfId="14" applyNumberFormat="1" applyFont="1" applyFill="1" applyBorder="1" applyAlignment="1" applyProtection="1">
      <alignment horizontal="centerContinuous" shrinkToFit="1"/>
    </xf>
    <xf numFmtId="37" fontId="11" fillId="0" borderId="13" xfId="14" applyNumberFormat="1" applyFont="1" applyFill="1" applyBorder="1" applyAlignment="1" applyProtection="1">
      <alignment horizontal="centerContinuous" shrinkToFit="1"/>
    </xf>
    <xf numFmtId="37" fontId="11" fillId="0" borderId="12" xfId="14" applyNumberFormat="1" applyFont="1" applyFill="1" applyBorder="1" applyAlignment="1" applyProtection="1">
      <alignment shrinkToFit="1"/>
    </xf>
    <xf numFmtId="3" fontId="11" fillId="0" borderId="17" xfId="14" applyNumberFormat="1" applyFont="1" applyFill="1" applyBorder="1" applyProtection="1"/>
    <xf numFmtId="39" fontId="11" fillId="0" borderId="3" xfId="14" applyNumberFormat="1" applyFont="1" applyFill="1" applyBorder="1" applyProtection="1"/>
    <xf numFmtId="37" fontId="11" fillId="0" borderId="3" xfId="14" applyNumberFormat="1" applyFont="1" applyFill="1" applyBorder="1" applyAlignment="1" applyProtection="1">
      <alignment horizontal="center"/>
    </xf>
    <xf numFmtId="37" fontId="11" fillId="0" borderId="15" xfId="14" applyNumberFormat="1" applyFont="1" applyFill="1" applyBorder="1" applyAlignment="1" applyProtection="1">
      <alignment horizontal="centerContinuous" shrinkToFit="1"/>
    </xf>
    <xf numFmtId="37" fontId="11" fillId="0" borderId="23" xfId="14" applyNumberFormat="1" applyFont="1" applyFill="1" applyBorder="1" applyAlignment="1" applyProtection="1">
      <alignment horizontal="centerContinuous" shrinkToFit="1"/>
    </xf>
    <xf numFmtId="3" fontId="11" fillId="0" borderId="63" xfId="14" applyNumberFormat="1" applyFont="1" applyFill="1" applyBorder="1" applyProtection="1"/>
    <xf numFmtId="37" fontId="11" fillId="0" borderId="96" xfId="14" applyFont="1" applyFill="1" applyBorder="1" applyAlignment="1" applyProtection="1">
      <alignment horizontal="right"/>
    </xf>
    <xf numFmtId="37" fontId="11" fillId="0" borderId="132" xfId="14" applyFont="1" applyFill="1" applyBorder="1" applyAlignment="1" applyProtection="1">
      <alignment horizontal="right"/>
    </xf>
    <xf numFmtId="37" fontId="11" fillId="0" borderId="15" xfId="14" applyFont="1" applyFill="1" applyBorder="1"/>
    <xf numFmtId="37" fontId="11" fillId="0" borderId="17" xfId="14" applyFont="1" applyFill="1" applyBorder="1"/>
    <xf numFmtId="37" fontId="11" fillId="0" borderId="68" xfId="14" applyFont="1" applyFill="1" applyBorder="1" applyAlignment="1">
      <alignment shrinkToFit="1"/>
    </xf>
    <xf numFmtId="177" fontId="11" fillId="0" borderId="29" xfId="14" applyNumberFormat="1" applyFont="1" applyFill="1" applyBorder="1" applyAlignment="1" applyProtection="1"/>
    <xf numFmtId="3" fontId="11" fillId="0" borderId="18" xfId="14" applyNumberFormat="1" applyFont="1" applyFill="1" applyBorder="1" applyAlignment="1" applyProtection="1"/>
    <xf numFmtId="37" fontId="11" fillId="0" borderId="48" xfId="14" applyNumberFormat="1" applyFont="1" applyFill="1" applyBorder="1" applyAlignment="1" applyProtection="1"/>
    <xf numFmtId="39" fontId="11" fillId="0" borderId="0" xfId="14" applyNumberFormat="1" applyFont="1" applyFill="1" applyBorder="1" applyAlignment="1" applyProtection="1"/>
    <xf numFmtId="37" fontId="11" fillId="0" borderId="12" xfId="14" applyNumberFormat="1" applyFont="1" applyFill="1" applyBorder="1" applyAlignment="1" applyProtection="1">
      <alignment horizontal="center"/>
    </xf>
    <xf numFmtId="177" fontId="11" fillId="0" borderId="3" xfId="14" applyNumberFormat="1" applyFont="1" applyFill="1" applyBorder="1" applyAlignment="1" applyProtection="1"/>
    <xf numFmtId="37" fontId="11" fillId="0" borderId="23" xfId="14" applyNumberFormat="1" applyFont="1" applyFill="1" applyBorder="1" applyAlignment="1" applyProtection="1"/>
    <xf numFmtId="37" fontId="11" fillId="0" borderId="5" xfId="14" applyNumberFormat="1" applyFont="1" applyFill="1" applyBorder="1" applyAlignment="1" applyProtection="1">
      <alignment horizontal="center"/>
    </xf>
    <xf numFmtId="37" fontId="11" fillId="0" borderId="0" xfId="14" applyFont="1" applyFill="1" applyAlignment="1">
      <alignment vertical="center"/>
    </xf>
    <xf numFmtId="177" fontId="11" fillId="0" borderId="3" xfId="14" applyNumberFormat="1" applyFont="1" applyFill="1" applyBorder="1" applyAlignment="1" applyProtection="1">
      <alignment vertical="center"/>
    </xf>
    <xf numFmtId="3" fontId="11" fillId="0" borderId="5" xfId="14" applyNumberFormat="1" applyFont="1" applyFill="1" applyBorder="1" applyAlignment="1" applyProtection="1">
      <alignment vertical="center"/>
    </xf>
    <xf numFmtId="37" fontId="11" fillId="0" borderId="23" xfId="14" applyNumberFormat="1" applyFont="1" applyFill="1" applyBorder="1" applyAlignment="1" applyProtection="1">
      <alignment vertical="center"/>
    </xf>
    <xf numFmtId="37" fontId="11" fillId="0" borderId="40" xfId="14" applyNumberFormat="1" applyFont="1" applyFill="1" applyBorder="1" applyAlignment="1" applyProtection="1">
      <alignment vertical="center"/>
    </xf>
    <xf numFmtId="37" fontId="11" fillId="0" borderId="0" xfId="14" applyFont="1" applyFill="1" applyBorder="1" applyAlignment="1">
      <alignment vertical="center"/>
    </xf>
    <xf numFmtId="37" fontId="11" fillId="0" borderId="51" xfId="14" applyNumberFormat="1" applyFont="1" applyFill="1" applyBorder="1" applyAlignment="1" applyProtection="1">
      <alignment vertical="center"/>
    </xf>
    <xf numFmtId="37" fontId="11" fillId="0" borderId="28" xfId="14" applyNumberFormat="1" applyFont="1" applyFill="1" applyBorder="1" applyAlignment="1" applyProtection="1">
      <alignment vertical="center"/>
    </xf>
    <xf numFmtId="37" fontId="11" fillId="0" borderId="28" xfId="14" applyFont="1" applyFill="1" applyBorder="1" applyAlignment="1">
      <alignment vertical="center"/>
    </xf>
    <xf numFmtId="37" fontId="21" fillId="0" borderId="2" xfId="14" applyFont="1" applyFill="1" applyBorder="1" applyAlignment="1" applyProtection="1">
      <alignment horizontal="left" vertical="center"/>
    </xf>
    <xf numFmtId="37" fontId="11" fillId="0" borderId="21" xfId="14" applyFont="1" applyFill="1" applyBorder="1" applyAlignment="1" applyProtection="1">
      <alignment vertical="center"/>
    </xf>
    <xf numFmtId="39" fontId="11" fillId="0" borderId="41" xfId="14" applyNumberFormat="1" applyFont="1" applyFill="1" applyBorder="1" applyAlignment="1" applyProtection="1">
      <alignment vertical="center"/>
    </xf>
    <xf numFmtId="37" fontId="11" fillId="0" borderId="51" xfId="14" applyFont="1" applyFill="1" applyBorder="1" applyAlignment="1">
      <alignment vertical="center"/>
    </xf>
    <xf numFmtId="37" fontId="11" fillId="0" borderId="22" xfId="14" applyFont="1" applyFill="1" applyBorder="1" applyAlignment="1">
      <alignment vertical="center"/>
    </xf>
    <xf numFmtId="37" fontId="11" fillId="0" borderId="28" xfId="14" applyNumberFormat="1" applyFont="1" applyFill="1" applyBorder="1" applyAlignment="1" applyProtection="1">
      <alignment horizontal="centerContinuous" vertical="center"/>
    </xf>
    <xf numFmtId="37" fontId="11" fillId="0" borderId="5" xfId="14" applyNumberFormat="1" applyFont="1" applyFill="1" applyBorder="1" applyAlignment="1" applyProtection="1">
      <alignment horizontal="center" vertical="center"/>
    </xf>
    <xf numFmtId="39" fontId="11" fillId="0" borderId="17" xfId="14" applyNumberFormat="1" applyFont="1" applyFill="1" applyBorder="1" applyAlignment="1" applyProtection="1">
      <alignment horizontal="centerContinuous" vertical="center"/>
    </xf>
    <xf numFmtId="2" fontId="11" fillId="0" borderId="17" xfId="14" applyNumberFormat="1" applyFont="1" applyFill="1" applyBorder="1" applyAlignment="1" applyProtection="1">
      <alignment vertical="center"/>
    </xf>
    <xf numFmtId="37" fontId="11" fillId="0" borderId="1" xfId="14" applyFont="1" applyFill="1" applyBorder="1" applyAlignment="1" applyProtection="1">
      <alignment horizontal="center" vertical="center"/>
    </xf>
    <xf numFmtId="37" fontId="11" fillId="0" borderId="64" xfId="14" applyNumberFormat="1" applyFont="1" applyFill="1" applyBorder="1" applyAlignment="1" applyProtection="1">
      <alignment horizontal="center"/>
    </xf>
    <xf numFmtId="1" fontId="11" fillId="0" borderId="27" xfId="15" applyNumberFormat="1" applyFont="1" applyFill="1" applyBorder="1" applyAlignment="1">
      <alignment horizontal="center" shrinkToFit="1"/>
    </xf>
    <xf numFmtId="4" fontId="11" fillId="0" borderId="54" xfId="15" applyNumberFormat="1" applyFont="1" applyFill="1" applyBorder="1" applyAlignment="1"/>
    <xf numFmtId="4" fontId="11" fillId="0" borderId="4" xfId="15" applyNumberFormat="1" applyFont="1" applyFill="1" applyBorder="1" applyAlignment="1"/>
    <xf numFmtId="1" fontId="11" fillId="0" borderId="2" xfId="15" applyNumberFormat="1" applyFont="1" applyFill="1" applyBorder="1" applyAlignment="1">
      <alignment horizontal="center" shrinkToFit="1"/>
    </xf>
    <xf numFmtId="4" fontId="11" fillId="0" borderId="1" xfId="15" applyNumberFormat="1" applyFont="1" applyFill="1" applyBorder="1" applyAlignment="1"/>
    <xf numFmtId="37" fontId="11" fillId="0" borderId="13" xfId="14" applyFont="1" applyFill="1" applyBorder="1" applyAlignment="1" applyProtection="1">
      <alignment horizontal="center"/>
    </xf>
    <xf numFmtId="3" fontId="11" fillId="0" borderId="4" xfId="15" applyNumberFormat="1" applyFont="1" applyFill="1" applyBorder="1" applyAlignment="1"/>
    <xf numFmtId="37" fontId="11" fillId="0" borderId="6" xfId="14" applyFont="1" applyFill="1" applyBorder="1" applyAlignment="1" applyProtection="1">
      <alignment horizontal="center"/>
    </xf>
    <xf numFmtId="37" fontId="11" fillId="0" borderId="5" xfId="14" applyFont="1" applyFill="1" applyBorder="1" applyAlignment="1">
      <alignment horizontal="center"/>
    </xf>
    <xf numFmtId="3" fontId="11" fillId="0" borderId="34" xfId="15" applyNumberFormat="1" applyFont="1" applyFill="1" applyBorder="1" applyAlignment="1"/>
    <xf numFmtId="37" fontId="11" fillId="0" borderId="17" xfId="14" applyFont="1" applyFill="1" applyBorder="1" applyAlignment="1">
      <alignment horizontal="center"/>
    </xf>
    <xf numFmtId="37" fontId="11" fillId="0" borderId="5" xfId="14" quotePrefix="1" applyFont="1" applyFill="1" applyBorder="1" applyAlignment="1" applyProtection="1"/>
    <xf numFmtId="3" fontId="11" fillId="0" borderId="63" xfId="14" applyNumberFormat="1" applyFont="1" applyFill="1" applyBorder="1" applyAlignment="1" applyProtection="1"/>
    <xf numFmtId="37" fontId="11" fillId="0" borderId="68" xfId="14" quotePrefix="1" applyFont="1" applyFill="1" applyBorder="1" applyAlignment="1" applyProtection="1"/>
    <xf numFmtId="3" fontId="11" fillId="0" borderId="1" xfId="15" applyNumberFormat="1" applyFont="1" applyFill="1" applyBorder="1" applyAlignment="1"/>
    <xf numFmtId="3" fontId="11" fillId="0" borderId="18" xfId="14" applyNumberFormat="1" applyFont="1" applyFill="1" applyBorder="1" applyAlignment="1" applyProtection="1">
      <alignment horizontal="right"/>
    </xf>
    <xf numFmtId="37" fontId="11" fillId="0" borderId="16" xfId="14" applyFont="1" applyFill="1" applyBorder="1" applyAlignment="1" applyProtection="1">
      <alignment horizontal="right"/>
    </xf>
    <xf numFmtId="37" fontId="11" fillId="0" borderId="0" xfId="14" applyFont="1" applyFill="1" applyBorder="1" applyAlignment="1" applyProtection="1">
      <alignment horizontal="distributed" justifyLastLine="1"/>
    </xf>
    <xf numFmtId="37" fontId="11" fillId="0" borderId="28" xfId="14" applyFont="1" applyFill="1" applyBorder="1" applyAlignment="1" applyProtection="1">
      <alignment horizontal="center"/>
    </xf>
    <xf numFmtId="37" fontId="11" fillId="0" borderId="21" xfId="14" applyFont="1" applyFill="1" applyBorder="1" applyAlignment="1" applyProtection="1">
      <alignment horizontal="distributed" justifyLastLine="1"/>
    </xf>
    <xf numFmtId="37" fontId="11" fillId="0" borderId="35" xfId="14" applyFont="1" applyFill="1" applyBorder="1" applyAlignment="1" applyProtection="1">
      <alignment horizontal="center"/>
    </xf>
    <xf numFmtId="37" fontId="11" fillId="0" borderId="25" xfId="14" applyFont="1" applyFill="1" applyBorder="1" applyAlignment="1" applyProtection="1">
      <alignment horizontal="center"/>
    </xf>
    <xf numFmtId="37" fontId="11" fillId="0" borderId="20" xfId="14" applyFont="1" applyFill="1" applyBorder="1" applyAlignment="1" applyProtection="1">
      <alignment horizontal="center"/>
    </xf>
    <xf numFmtId="3" fontId="11" fillId="0" borderId="0" xfId="14" applyNumberFormat="1" applyFont="1" applyFill="1" applyBorder="1"/>
    <xf numFmtId="0" fontId="4" fillId="0" borderId="0" xfId="5" applyFont="1" applyFill="1" applyAlignment="1" applyProtection="1">
      <alignment horizontal="left" vertical="center"/>
    </xf>
    <xf numFmtId="0" fontId="11" fillId="0" borderId="0" xfId="5" applyFont="1" applyFill="1" applyAlignment="1" applyProtection="1">
      <alignment horizontal="left" vertical="center"/>
    </xf>
    <xf numFmtId="0" fontId="11" fillId="0" borderId="0" xfId="5" applyFont="1" applyFill="1" applyBorder="1" applyAlignment="1" applyProtection="1">
      <alignment vertical="center"/>
    </xf>
    <xf numFmtId="0" fontId="11" fillId="0" borderId="0" xfId="5" applyFont="1" applyFill="1" applyBorder="1" applyAlignment="1" applyProtection="1">
      <alignment horizontal="left" vertical="center"/>
    </xf>
    <xf numFmtId="0" fontId="11" fillId="0" borderId="21" xfId="5" applyFont="1" applyFill="1" applyBorder="1" applyAlignment="1">
      <alignment vertical="center"/>
    </xf>
    <xf numFmtId="3" fontId="11" fillId="0" borderId="28" xfId="5" applyNumberFormat="1" applyFont="1" applyFill="1" applyBorder="1" applyAlignment="1" applyProtection="1">
      <alignment horizontal="right" vertical="center"/>
    </xf>
    <xf numFmtId="0" fontId="11" fillId="0" borderId="49" xfId="5" applyFont="1" applyFill="1" applyBorder="1" applyAlignment="1">
      <alignment vertical="center"/>
    </xf>
    <xf numFmtId="0" fontId="11" fillId="0" borderId="4" xfId="5" applyFont="1" applyFill="1" applyBorder="1" applyAlignment="1">
      <alignment vertical="center"/>
    </xf>
    <xf numFmtId="0" fontId="11" fillId="0" borderId="38" xfId="5" applyFont="1" applyFill="1" applyBorder="1" applyAlignment="1">
      <alignment vertical="center"/>
    </xf>
    <xf numFmtId="0" fontId="11" fillId="0" borderId="23" xfId="5" applyFont="1" applyFill="1" applyBorder="1" applyAlignment="1"/>
    <xf numFmtId="10" fontId="11" fillId="0" borderId="0" xfId="5" applyNumberFormat="1" applyFont="1" applyFill="1" applyAlignment="1">
      <alignment vertical="center"/>
    </xf>
    <xf numFmtId="0" fontId="11" fillId="0" borderId="49" xfId="5" applyFont="1" applyFill="1" applyBorder="1" applyAlignment="1"/>
    <xf numFmtId="3" fontId="11" fillId="0" borderId="2" xfId="5" applyNumberFormat="1" applyFont="1" applyFill="1" applyBorder="1" applyAlignment="1" applyProtection="1">
      <alignment horizontal="right" vertical="center"/>
    </xf>
    <xf numFmtId="3" fontId="11" fillId="0" borderId="12" xfId="5" applyNumberFormat="1" applyFont="1" applyFill="1" applyBorder="1" applyAlignment="1" applyProtection="1">
      <alignment horizontal="right" vertical="center"/>
    </xf>
    <xf numFmtId="0" fontId="11" fillId="0" borderId="4" xfId="5" applyFont="1" applyFill="1" applyBorder="1" applyAlignment="1" applyProtection="1">
      <alignment horizontal="center"/>
    </xf>
    <xf numFmtId="0" fontId="11" fillId="0" borderId="34" xfId="5" applyFont="1" applyFill="1" applyBorder="1" applyAlignment="1" applyProtection="1">
      <alignment horizontal="center"/>
    </xf>
    <xf numFmtId="3" fontId="11" fillId="0" borderId="25" xfId="5" applyNumberFormat="1" applyFont="1" applyFill="1" applyBorder="1" applyAlignment="1" applyProtection="1">
      <alignment horizontal="right" vertical="center"/>
    </xf>
    <xf numFmtId="3" fontId="11" fillId="0" borderId="23" xfId="5" applyNumberFormat="1" applyFont="1" applyFill="1" applyBorder="1" applyAlignment="1">
      <alignment horizontal="right" vertical="center"/>
    </xf>
    <xf numFmtId="3" fontId="11" fillId="0" borderId="23" xfId="5" applyNumberFormat="1" applyFont="1" applyFill="1" applyBorder="1" applyAlignment="1" applyProtection="1">
      <alignment horizontal="right" vertical="center"/>
    </xf>
    <xf numFmtId="3" fontId="11" fillId="0" borderId="4" xfId="5" applyNumberFormat="1" applyFont="1" applyFill="1" applyBorder="1" applyAlignment="1">
      <alignment horizontal="right" vertical="center"/>
    </xf>
    <xf numFmtId="3" fontId="11" fillId="0" borderId="1" xfId="5" applyNumberFormat="1" applyFont="1" applyFill="1" applyBorder="1" applyAlignment="1">
      <alignment horizontal="right" vertical="center"/>
    </xf>
    <xf numFmtId="0" fontId="11" fillId="0" borderId="27" xfId="5" applyFont="1" applyFill="1" applyBorder="1" applyAlignment="1" applyProtection="1">
      <alignment horizontal="left" vertical="center"/>
    </xf>
    <xf numFmtId="38" fontId="11" fillId="0" borderId="38" xfId="5" applyNumberFormat="1" applyFont="1" applyFill="1" applyBorder="1" applyAlignment="1" applyProtection="1">
      <alignment horizontal="right" vertical="center"/>
    </xf>
    <xf numFmtId="0" fontId="11" fillId="0" borderId="5" xfId="5" applyFont="1" applyFill="1" applyBorder="1" applyAlignment="1" applyProtection="1">
      <alignment horizontal="left" vertical="center"/>
    </xf>
    <xf numFmtId="38" fontId="11" fillId="0" borderId="49" xfId="5" applyNumberFormat="1" applyFont="1" applyFill="1" applyBorder="1" applyAlignment="1" applyProtection="1">
      <alignment horizontal="right" vertical="center"/>
    </xf>
    <xf numFmtId="38" fontId="11" fillId="0" borderId="34" xfId="5" applyNumberFormat="1" applyFont="1" applyFill="1" applyBorder="1" applyAlignment="1" applyProtection="1">
      <alignment horizontal="right" vertical="center"/>
    </xf>
    <xf numFmtId="38" fontId="11" fillId="0" borderId="4" xfId="5" applyNumberFormat="1" applyFont="1" applyFill="1" applyBorder="1" applyAlignment="1" applyProtection="1">
      <alignment horizontal="right" vertical="center"/>
    </xf>
    <xf numFmtId="0" fontId="11" fillId="0" borderId="40" xfId="5" applyFont="1" applyFill="1" applyBorder="1" applyAlignment="1" applyProtection="1">
      <alignment horizontal="left" vertical="center"/>
    </xf>
    <xf numFmtId="0" fontId="11" fillId="0" borderId="15" xfId="5" applyFont="1" applyFill="1" applyBorder="1" applyAlignment="1" applyProtection="1">
      <alignment horizontal="center" vertical="center" wrapText="1"/>
    </xf>
    <xf numFmtId="0" fontId="11" fillId="0" borderId="15" xfId="5" applyFont="1" applyFill="1" applyBorder="1" applyAlignment="1" applyProtection="1">
      <alignment horizontal="left"/>
    </xf>
    <xf numFmtId="0" fontId="11" fillId="0" borderId="1" xfId="5" applyFont="1" applyFill="1" applyBorder="1" applyAlignment="1" applyProtection="1">
      <alignment horizontal="left"/>
    </xf>
    <xf numFmtId="0" fontId="11" fillId="0" borderId="21" xfId="5" applyFont="1" applyFill="1" applyBorder="1"/>
    <xf numFmtId="0" fontId="11" fillId="0" borderId="85" xfId="5" applyFont="1" applyFill="1" applyBorder="1" applyAlignment="1" applyProtection="1">
      <alignment horizontal="left" vertical="center"/>
    </xf>
    <xf numFmtId="0" fontId="11" fillId="0" borderId="11" xfId="5" applyFont="1" applyFill="1" applyBorder="1" applyAlignment="1" applyProtection="1">
      <alignment horizontal="left" vertical="center"/>
    </xf>
    <xf numFmtId="0" fontId="11" fillId="0" borderId="54" xfId="5" applyFont="1" applyFill="1" applyBorder="1" applyAlignment="1" applyProtection="1">
      <alignment horizontal="left" vertical="center"/>
    </xf>
    <xf numFmtId="38" fontId="11" fillId="0" borderId="55" xfId="2" applyFont="1" applyFill="1" applyBorder="1" applyAlignment="1">
      <alignment horizontal="right" vertical="center"/>
    </xf>
    <xf numFmtId="180" fontId="11" fillId="0" borderId="49" xfId="5" applyNumberFormat="1" applyFont="1" applyFill="1" applyBorder="1" applyAlignment="1" applyProtection="1">
      <alignment horizontal="right" vertical="center"/>
    </xf>
    <xf numFmtId="0" fontId="11" fillId="0" borderId="90" xfId="5" applyFont="1" applyFill="1" applyBorder="1" applyAlignment="1" applyProtection="1">
      <alignment horizontal="left" vertical="center"/>
    </xf>
    <xf numFmtId="0" fontId="11" fillId="0" borderId="115" xfId="5" applyFont="1" applyFill="1" applyBorder="1" applyAlignment="1" applyProtection="1">
      <alignment horizontal="left" vertical="center"/>
    </xf>
    <xf numFmtId="0" fontId="11" fillId="0" borderId="10" xfId="5" applyFont="1" applyFill="1" applyBorder="1" applyAlignment="1" applyProtection="1">
      <alignment horizontal="left" vertical="center"/>
    </xf>
    <xf numFmtId="0" fontId="11" fillId="0" borderId="79" xfId="5" applyFont="1" applyFill="1" applyBorder="1" applyAlignment="1" applyProtection="1">
      <alignment horizontal="left" vertical="center"/>
    </xf>
    <xf numFmtId="38" fontId="11" fillId="0" borderId="79" xfId="5" applyNumberFormat="1" applyFont="1" applyFill="1" applyBorder="1" applyAlignment="1" applyProtection="1">
      <alignment horizontal="right" vertical="center"/>
    </xf>
    <xf numFmtId="38" fontId="11" fillId="0" borderId="0" xfId="5" applyNumberFormat="1" applyFont="1" applyFill="1"/>
    <xf numFmtId="3" fontId="11" fillId="0" borderId="0" xfId="5" applyNumberFormat="1" applyFont="1" applyFill="1"/>
    <xf numFmtId="0" fontId="11" fillId="0" borderId="0" xfId="5" applyFont="1" applyFill="1" applyBorder="1"/>
    <xf numFmtId="0" fontId="0" fillId="0" borderId="0" xfId="5" applyFont="1" applyFill="1" applyBorder="1" applyAlignment="1" applyProtection="1">
      <alignment vertical="center"/>
    </xf>
    <xf numFmtId="0" fontId="11" fillId="0" borderId="36" xfId="5" applyFont="1" applyFill="1" applyBorder="1" applyAlignment="1">
      <alignment vertical="center"/>
    </xf>
    <xf numFmtId="0" fontId="0" fillId="0" borderId="0" xfId="6" applyFont="1" applyFill="1" applyBorder="1" applyAlignment="1" applyProtection="1">
      <alignment horizontal="left" vertical="center"/>
    </xf>
    <xf numFmtId="0" fontId="9" fillId="0" borderId="0" xfId="6" applyFont="1" applyFill="1" applyBorder="1" applyAlignment="1" applyProtection="1">
      <alignment vertical="center"/>
    </xf>
    <xf numFmtId="0" fontId="7" fillId="0" borderId="0" xfId="6" applyFont="1" applyFill="1" applyAlignment="1">
      <alignment vertical="center"/>
    </xf>
    <xf numFmtId="0" fontId="7" fillId="0" borderId="10" xfId="6" applyFont="1" applyFill="1" applyBorder="1" applyAlignment="1" applyProtection="1">
      <alignment horizontal="left" vertical="center"/>
    </xf>
    <xf numFmtId="0" fontId="9" fillId="0" borderId="10" xfId="6" applyFont="1" applyFill="1" applyBorder="1" applyAlignment="1" applyProtection="1">
      <alignment vertical="center"/>
    </xf>
    <xf numFmtId="0" fontId="8" fillId="0" borderId="0" xfId="6" applyFont="1" applyFill="1" applyAlignment="1">
      <alignment vertical="center"/>
    </xf>
    <xf numFmtId="38" fontId="7" fillId="0" borderId="21" xfId="2" applyFont="1" applyFill="1" applyBorder="1" applyAlignment="1">
      <alignment vertical="center"/>
    </xf>
    <xf numFmtId="38" fontId="7" fillId="0" borderId="0" xfId="6" applyNumberFormat="1" applyFont="1" applyFill="1" applyAlignment="1">
      <alignment vertical="center"/>
    </xf>
    <xf numFmtId="38" fontId="7" fillId="0" borderId="0" xfId="6" applyNumberFormat="1" applyFont="1" applyFill="1" applyAlignment="1"/>
    <xf numFmtId="0" fontId="15" fillId="0" borderId="0" xfId="6" applyFont="1" applyFill="1" applyAlignment="1">
      <alignment vertical="center"/>
    </xf>
    <xf numFmtId="38" fontId="15" fillId="0" borderId="0" xfId="2" applyFont="1" applyFill="1" applyAlignment="1">
      <alignment vertical="center"/>
    </xf>
    <xf numFmtId="0" fontId="15" fillId="0" borderId="0" xfId="6" applyFont="1" applyFill="1"/>
    <xf numFmtId="0" fontId="7" fillId="0" borderId="0" xfId="6" applyFont="1" applyFill="1"/>
    <xf numFmtId="0" fontId="11" fillId="0" borderId="15" xfId="7" applyFont="1" applyFill="1" applyBorder="1" applyAlignment="1">
      <alignment vertical="center"/>
    </xf>
    <xf numFmtId="0" fontId="11" fillId="0" borderId="49" xfId="7" applyFont="1" applyFill="1" applyBorder="1" applyAlignment="1">
      <alignment vertical="center"/>
    </xf>
    <xf numFmtId="0" fontId="11" fillId="0" borderId="38" xfId="7" applyFont="1" applyFill="1" applyBorder="1" applyAlignment="1">
      <alignment vertical="center"/>
    </xf>
    <xf numFmtId="0" fontId="27" fillId="0" borderId="0" xfId="7" applyFont="1" applyFill="1" applyAlignment="1">
      <alignment vertical="center"/>
    </xf>
    <xf numFmtId="0" fontId="11" fillId="0" borderId="0" xfId="7" applyFont="1" applyFill="1" applyAlignment="1"/>
    <xf numFmtId="180" fontId="11" fillId="0" borderId="0" xfId="2" applyNumberFormat="1" applyFont="1" applyFill="1" applyAlignment="1"/>
    <xf numFmtId="0" fontId="11" fillId="0" borderId="0" xfId="7" applyFont="1" applyFill="1" applyAlignment="1" applyProtection="1">
      <alignment horizontal="left" vertical="center"/>
    </xf>
    <xf numFmtId="37" fontId="11" fillId="0" borderId="0" xfId="7" applyNumberFormat="1" applyFont="1" applyFill="1" applyAlignment="1" applyProtection="1">
      <alignment vertical="center"/>
    </xf>
    <xf numFmtId="2" fontId="11" fillId="0" borderId="0" xfId="7" applyNumberFormat="1" applyFont="1" applyFill="1" applyAlignment="1" applyProtection="1">
      <alignment vertical="center"/>
    </xf>
    <xf numFmtId="180" fontId="11" fillId="0" borderId="0" xfId="2" applyNumberFormat="1" applyFont="1" applyFill="1" applyAlignment="1">
      <alignment vertical="center"/>
    </xf>
    <xf numFmtId="0" fontId="11" fillId="0" borderId="0" xfId="7" applyFont="1" applyFill="1"/>
    <xf numFmtId="38" fontId="11" fillId="0" borderId="0" xfId="7" applyNumberFormat="1" applyFont="1" applyFill="1"/>
    <xf numFmtId="180" fontId="11" fillId="0" borderId="0" xfId="2" applyNumberFormat="1" applyFont="1" applyFill="1"/>
    <xf numFmtId="0" fontId="14" fillId="0" borderId="0" xfId="7" applyFont="1" applyFill="1" applyAlignment="1">
      <alignment vertical="center"/>
    </xf>
    <xf numFmtId="0" fontId="11" fillId="0" borderId="5" xfId="7" applyFont="1" applyFill="1" applyBorder="1" applyAlignment="1" applyProtection="1">
      <alignment horizontal="center" vertical="center" wrapText="1"/>
    </xf>
    <xf numFmtId="0" fontId="11" fillId="0" borderId="0" xfId="7" applyFont="1" applyFill="1" applyBorder="1" applyAlignment="1">
      <alignment wrapText="1"/>
    </xf>
    <xf numFmtId="0" fontId="11" fillId="0" borderId="5" xfId="7" applyFont="1" applyFill="1" applyBorder="1" applyAlignment="1">
      <alignment wrapText="1"/>
    </xf>
    <xf numFmtId="38" fontId="11" fillId="0" borderId="5" xfId="2" applyFont="1" applyFill="1" applyBorder="1"/>
    <xf numFmtId="38" fontId="11" fillId="0" borderId="0" xfId="2" applyNumberFormat="1" applyFont="1" applyFill="1" applyBorder="1"/>
    <xf numFmtId="38" fontId="11" fillId="0" borderId="5" xfId="2" applyNumberFormat="1" applyFont="1" applyFill="1" applyBorder="1"/>
    <xf numFmtId="0" fontId="11" fillId="0" borderId="5" xfId="7" applyFont="1" applyFill="1" applyBorder="1" applyAlignment="1">
      <alignment horizontal="center"/>
    </xf>
    <xf numFmtId="9" fontId="7" fillId="0" borderId="0" xfId="1" applyFont="1" applyBorder="1" applyAlignment="1">
      <alignment vertical="center"/>
    </xf>
    <xf numFmtId="10" fontId="7" fillId="0" borderId="0" xfId="1" applyNumberFormat="1" applyFont="1" applyBorder="1" applyAlignment="1">
      <alignment vertical="center"/>
    </xf>
    <xf numFmtId="38" fontId="7" fillId="0" borderId="0" xfId="8" applyNumberFormat="1" applyFont="1" applyBorder="1" applyAlignment="1">
      <alignment vertical="center"/>
    </xf>
    <xf numFmtId="0" fontId="7" fillId="0" borderId="0" xfId="8" applyFont="1" applyBorder="1"/>
    <xf numFmtId="9" fontId="7" fillId="0" borderId="0" xfId="1" applyFont="1" applyBorder="1"/>
    <xf numFmtId="37" fontId="10" fillId="0" borderId="0" xfId="14" applyFont="1" applyFill="1"/>
    <xf numFmtId="3" fontId="11" fillId="0" borderId="0" xfId="16" applyNumberFormat="1" applyFont="1" applyFill="1"/>
    <xf numFmtId="37" fontId="13" fillId="0" borderId="0" xfId="14" applyFont="1" applyFill="1"/>
    <xf numFmtId="37" fontId="11" fillId="0" borderId="0" xfId="14" applyFont="1" applyFill="1" applyAlignment="1">
      <alignment horizontal="center"/>
    </xf>
    <xf numFmtId="37" fontId="30" fillId="0" borderId="0" xfId="14" applyFont="1" applyFill="1" applyBorder="1" applyAlignment="1">
      <alignment horizontal="right"/>
    </xf>
    <xf numFmtId="37" fontId="30" fillId="0" borderId="0" xfId="14" applyFont="1" applyFill="1" applyBorder="1"/>
    <xf numFmtId="37" fontId="24" fillId="0" borderId="0" xfId="14" applyFont="1" applyFill="1"/>
    <xf numFmtId="37" fontId="11" fillId="0" borderId="97" xfId="14" applyFont="1" applyFill="1" applyBorder="1" applyAlignment="1">
      <alignment horizontal="center"/>
    </xf>
    <xf numFmtId="37" fontId="4" fillId="0" borderId="0" xfId="14" applyFont="1" applyFill="1" applyBorder="1" applyProtection="1"/>
    <xf numFmtId="37" fontId="37" fillId="0" borderId="0" xfId="14" applyFont="1" applyFill="1" applyBorder="1" applyProtection="1"/>
    <xf numFmtId="37" fontId="11" fillId="0" borderId="0" xfId="14" applyNumberFormat="1" applyFont="1" applyFill="1" applyBorder="1" applyProtection="1"/>
    <xf numFmtId="37" fontId="10" fillId="0" borderId="0" xfId="14" applyFont="1" applyFill="1" applyBorder="1"/>
    <xf numFmtId="38" fontId="0" fillId="0" borderId="0" xfId="2" applyFont="1" applyFill="1" applyBorder="1" applyAlignment="1" applyProtection="1">
      <alignment horizontal="left"/>
    </xf>
    <xf numFmtId="38" fontId="9" fillId="0" borderId="0" xfId="2" applyFont="1" applyFill="1" applyBorder="1" applyProtection="1"/>
    <xf numFmtId="38" fontId="7" fillId="0" borderId="0" xfId="2" applyFont="1" applyFill="1" applyBorder="1" applyAlignment="1" applyProtection="1">
      <alignment horizontal="center"/>
      <protection locked="0"/>
    </xf>
    <xf numFmtId="38" fontId="9" fillId="0" borderId="0" xfId="2" applyFont="1" applyFill="1" applyBorder="1" applyAlignment="1" applyProtection="1">
      <alignment horizontal="left"/>
    </xf>
    <xf numFmtId="38" fontId="7" fillId="0" borderId="0" xfId="2" applyFont="1" applyFill="1" applyBorder="1" applyAlignment="1" applyProtection="1">
      <alignment horizontal="left"/>
    </xf>
    <xf numFmtId="38" fontId="7" fillId="0" borderId="0" xfId="2" quotePrefix="1" applyFont="1" applyFill="1" applyBorder="1" applyAlignment="1" applyProtection="1">
      <alignment horizontal="right"/>
    </xf>
    <xf numFmtId="38" fontId="11" fillId="0" borderId="59" xfId="2" applyFont="1" applyFill="1" applyBorder="1" applyAlignment="1" applyProtection="1">
      <alignment horizontal="center"/>
    </xf>
    <xf numFmtId="38" fontId="7" fillId="0" borderId="0" xfId="2" applyFont="1" applyFill="1" applyBorder="1" applyAlignment="1" applyProtection="1">
      <alignment horizontal="center"/>
    </xf>
    <xf numFmtId="38" fontId="7" fillId="0" borderId="0" xfId="2" applyFont="1" applyFill="1" applyBorder="1" applyAlignment="1"/>
    <xf numFmtId="38" fontId="7" fillId="0" borderId="0" xfId="2" applyFont="1" applyFill="1" applyBorder="1" applyAlignment="1" applyProtection="1">
      <alignment horizontal="right"/>
    </xf>
    <xf numFmtId="38" fontId="7" fillId="0" borderId="0" xfId="2" applyFont="1" applyFill="1" applyBorder="1" applyAlignment="1">
      <alignment horizontal="right"/>
    </xf>
    <xf numFmtId="38" fontId="7" fillId="0" borderId="0" xfId="2" applyFont="1" applyFill="1" applyAlignment="1"/>
    <xf numFmtId="38" fontId="11" fillId="0" borderId="0" xfId="2" applyFont="1" applyFill="1" applyBorder="1" applyAlignment="1" applyProtection="1">
      <alignment horizontal="center"/>
    </xf>
    <xf numFmtId="38" fontId="11" fillId="0" borderId="51" xfId="2" applyFont="1" applyFill="1" applyBorder="1" applyAlignment="1" applyProtection="1">
      <alignment horizontal="center"/>
    </xf>
    <xf numFmtId="38" fontId="11" fillId="0" borderId="16" xfId="2" quotePrefix="1" applyFont="1" applyFill="1" applyBorder="1" applyAlignment="1" applyProtection="1">
      <alignment horizontal="center"/>
    </xf>
    <xf numFmtId="38" fontId="11" fillId="0" borderId="66" xfId="2" applyFont="1" applyFill="1" applyBorder="1" applyAlignment="1" applyProtection="1">
      <alignment horizontal="center"/>
    </xf>
    <xf numFmtId="38" fontId="11" fillId="0" borderId="15" xfId="2" applyFont="1" applyFill="1" applyBorder="1" applyAlignment="1" applyProtection="1">
      <protection locked="0"/>
    </xf>
    <xf numFmtId="38" fontId="11" fillId="0" borderId="17" xfId="2" applyFont="1" applyFill="1" applyBorder="1" applyAlignment="1" applyProtection="1">
      <protection locked="0"/>
    </xf>
    <xf numFmtId="38" fontId="11" fillId="0" borderId="17" xfId="2" applyFont="1" applyFill="1" applyBorder="1" applyAlignment="1" applyProtection="1">
      <alignment horizontal="center"/>
      <protection locked="0"/>
    </xf>
    <xf numFmtId="38" fontId="11" fillId="0" borderId="2" xfId="2" applyFont="1" applyFill="1" applyBorder="1" applyAlignment="1" applyProtection="1">
      <alignment horizontal="center"/>
      <protection locked="0"/>
    </xf>
    <xf numFmtId="38" fontId="11" fillId="0" borderId="2" xfId="2" quotePrefix="1" applyFont="1" applyFill="1" applyBorder="1" applyAlignment="1" applyProtection="1">
      <alignment horizontal="center" vertical="center"/>
    </xf>
    <xf numFmtId="38" fontId="11" fillId="0" borderId="2" xfId="2" applyFont="1" applyFill="1" applyBorder="1" applyAlignment="1" applyProtection="1">
      <protection locked="0"/>
    </xf>
    <xf numFmtId="40" fontId="11" fillId="0" borderId="17" xfId="2" applyNumberFormat="1" applyFont="1" applyFill="1" applyBorder="1" applyAlignment="1" applyProtection="1">
      <alignment horizontal="center"/>
      <protection locked="0"/>
    </xf>
    <xf numFmtId="40" fontId="11" fillId="0" borderId="17" xfId="2" applyNumberFormat="1" applyFont="1" applyFill="1" applyBorder="1" applyAlignment="1" applyProtection="1">
      <protection locked="0"/>
    </xf>
    <xf numFmtId="38" fontId="11" fillId="0" borderId="64" xfId="2" applyFont="1" applyFill="1" applyBorder="1" applyAlignment="1" applyProtection="1">
      <alignment horizontal="center"/>
      <protection locked="0"/>
    </xf>
    <xf numFmtId="38" fontId="11" fillId="0" borderId="3" xfId="2" applyFont="1" applyFill="1" applyBorder="1" applyAlignment="1" applyProtection="1">
      <alignment horizontal="center"/>
      <protection locked="0"/>
    </xf>
    <xf numFmtId="38" fontId="7" fillId="0" borderId="0" xfId="2" applyFont="1" applyFill="1" applyBorder="1" applyProtection="1"/>
    <xf numFmtId="38" fontId="11" fillId="0" borderId="49" xfId="2" applyFont="1" applyFill="1" applyBorder="1" applyAlignment="1" applyProtection="1">
      <protection locked="0"/>
    </xf>
    <xf numFmtId="38" fontId="11" fillId="0" borderId="23" xfId="2" applyFont="1" applyFill="1" applyBorder="1" applyAlignment="1" applyProtection="1">
      <protection locked="0"/>
    </xf>
    <xf numFmtId="38" fontId="11" fillId="0" borderId="23" xfId="2" applyFont="1" applyFill="1" applyBorder="1" applyAlignment="1" applyProtection="1">
      <alignment horizontal="center"/>
      <protection locked="0"/>
    </xf>
    <xf numFmtId="38" fontId="11" fillId="0" borderId="5" xfId="2" applyFont="1" applyFill="1" applyBorder="1" applyAlignment="1" applyProtection="1">
      <alignment horizontal="center"/>
      <protection locked="0"/>
    </xf>
    <xf numFmtId="38" fontId="11" fillId="0" borderId="5" xfId="2" quotePrefix="1" applyFont="1" applyFill="1" applyBorder="1" applyAlignment="1" applyProtection="1">
      <alignment horizontal="center" vertical="center"/>
    </xf>
    <xf numFmtId="38" fontId="11" fillId="0" borderId="5" xfId="2" applyFont="1" applyFill="1" applyBorder="1" applyAlignment="1" applyProtection="1">
      <protection locked="0"/>
    </xf>
    <xf numFmtId="40" fontId="11" fillId="0" borderId="23" xfId="2" applyNumberFormat="1" applyFont="1" applyFill="1" applyBorder="1" applyAlignment="1" applyProtection="1">
      <alignment horizontal="center"/>
      <protection locked="0"/>
    </xf>
    <xf numFmtId="40" fontId="11" fillId="0" borderId="5" xfId="2" applyNumberFormat="1" applyFont="1" applyFill="1" applyBorder="1" applyAlignment="1" applyProtection="1">
      <protection locked="0"/>
    </xf>
    <xf numFmtId="38" fontId="11" fillId="0" borderId="6" xfId="2" applyFont="1" applyFill="1" applyBorder="1" applyAlignment="1" applyProtection="1">
      <alignment horizontal="center"/>
      <protection locked="0"/>
    </xf>
    <xf numFmtId="40" fontId="11" fillId="0" borderId="23" xfId="2" applyNumberFormat="1" applyFont="1" applyFill="1" applyBorder="1" applyAlignment="1" applyProtection="1">
      <protection locked="0"/>
    </xf>
    <xf numFmtId="0" fontId="27" fillId="0" borderId="21" xfId="0" applyFont="1" applyFill="1" applyBorder="1" applyAlignment="1" applyProtection="1"/>
    <xf numFmtId="38" fontId="27" fillId="0" borderId="15" xfId="2" applyFont="1" applyFill="1" applyBorder="1" applyAlignment="1" applyProtection="1">
      <protection locked="0"/>
    </xf>
    <xf numFmtId="38" fontId="27" fillId="0" borderId="2" xfId="2" applyFont="1" applyFill="1" applyBorder="1" applyAlignment="1" applyProtection="1">
      <alignment horizontal="center"/>
      <protection locked="0"/>
    </xf>
    <xf numFmtId="38" fontId="27" fillId="0" borderId="22" xfId="2" applyFont="1" applyFill="1" applyBorder="1" applyAlignment="1" applyProtection="1">
      <protection locked="0"/>
    </xf>
    <xf numFmtId="38" fontId="27" fillId="0" borderId="5" xfId="2" applyFont="1" applyFill="1" applyBorder="1" applyAlignment="1" applyProtection="1">
      <protection locked="0"/>
    </xf>
    <xf numFmtId="38" fontId="27" fillId="0" borderId="15" xfId="2" applyFont="1" applyFill="1" applyBorder="1" applyAlignment="1" applyProtection="1">
      <alignment horizontal="center"/>
      <protection locked="0"/>
    </xf>
    <xf numFmtId="38" fontId="27" fillId="0" borderId="0" xfId="2" applyFont="1" applyFill="1" applyBorder="1" applyAlignment="1" applyProtection="1">
      <protection locked="0"/>
    </xf>
    <xf numFmtId="38" fontId="27" fillId="0" borderId="28" xfId="2" applyFont="1" applyFill="1" applyBorder="1" applyAlignment="1" applyProtection="1">
      <alignment horizontal="center"/>
      <protection locked="0"/>
    </xf>
    <xf numFmtId="38" fontId="11" fillId="0" borderId="28" xfId="2" quotePrefix="1" applyFont="1" applyFill="1" applyBorder="1" applyAlignment="1" applyProtection="1">
      <alignment horizontal="center" vertical="center"/>
    </xf>
    <xf numFmtId="38" fontId="27" fillId="0" borderId="28" xfId="2" applyFont="1" applyFill="1" applyBorder="1" applyAlignment="1" applyProtection="1">
      <protection locked="0"/>
    </xf>
    <xf numFmtId="38" fontId="27" fillId="0" borderId="32" xfId="2" applyFont="1" applyFill="1" applyBorder="1" applyAlignment="1" applyProtection="1">
      <protection locked="0"/>
    </xf>
    <xf numFmtId="38" fontId="27" fillId="0" borderId="32" xfId="2" applyFont="1" applyFill="1" applyBorder="1" applyAlignment="1" applyProtection="1">
      <alignment horizontal="center"/>
      <protection locked="0"/>
    </xf>
    <xf numFmtId="38" fontId="11" fillId="0" borderId="37" xfId="2" quotePrefix="1" applyFont="1" applyFill="1" applyBorder="1" applyAlignment="1" applyProtection="1">
      <alignment horizontal="center" vertical="center"/>
    </xf>
    <xf numFmtId="38" fontId="27" fillId="0" borderId="2" xfId="2" applyFont="1" applyFill="1" applyBorder="1" applyAlignment="1" applyProtection="1">
      <alignment horizontal="left"/>
    </xf>
    <xf numFmtId="0" fontId="27" fillId="0" borderId="24" xfId="0" applyFont="1" applyFill="1" applyBorder="1" applyAlignment="1" applyProtection="1"/>
    <xf numFmtId="38" fontId="27" fillId="0" borderId="19" xfId="2" applyFont="1" applyFill="1" applyBorder="1" applyAlignment="1" applyProtection="1">
      <alignment horizontal="left"/>
    </xf>
    <xf numFmtId="38" fontId="27" fillId="0" borderId="16" xfId="2" applyFont="1" applyFill="1" applyBorder="1" applyAlignment="1" applyProtection="1">
      <protection locked="0"/>
    </xf>
    <xf numFmtId="38" fontId="10" fillId="0" borderId="0" xfId="2" applyFont="1" applyFill="1" applyBorder="1" applyAlignment="1" applyProtection="1">
      <alignment horizontal="center"/>
      <protection locked="0"/>
    </xf>
    <xf numFmtId="38" fontId="10" fillId="0" borderId="0" xfId="2" applyFont="1" applyFill="1" applyBorder="1" applyAlignment="1"/>
    <xf numFmtId="38" fontId="10" fillId="0" borderId="0" xfId="2" applyFont="1" applyFill="1" applyBorder="1" applyAlignment="1" applyProtection="1"/>
    <xf numFmtId="38" fontId="10" fillId="0" borderId="0" xfId="2" applyFont="1" applyFill="1" applyAlignment="1"/>
    <xf numFmtId="38" fontId="27" fillId="0" borderId="10" xfId="2" applyFont="1" applyFill="1" applyBorder="1" applyAlignment="1" applyProtection="1">
      <protection locked="0"/>
    </xf>
    <xf numFmtId="38" fontId="27" fillId="0" borderId="80" xfId="2" applyFont="1" applyFill="1" applyBorder="1" applyAlignment="1" applyProtection="1">
      <protection locked="0"/>
    </xf>
    <xf numFmtId="40" fontId="27" fillId="0" borderId="30" xfId="2" applyNumberFormat="1" applyFont="1" applyFill="1" applyBorder="1" applyAlignment="1" applyProtection="1">
      <alignment horizontal="center"/>
      <protection locked="0"/>
    </xf>
    <xf numFmtId="49" fontId="7" fillId="0" borderId="0" xfId="2" applyNumberFormat="1" applyFont="1" applyFill="1" applyProtection="1">
      <protection locked="0"/>
    </xf>
    <xf numFmtId="49" fontId="7" fillId="0" borderId="0" xfId="2" applyNumberFormat="1" applyFont="1" applyFill="1" applyAlignment="1" applyProtection="1">
      <alignment horizontal="left"/>
      <protection locked="0"/>
    </xf>
    <xf numFmtId="49" fontId="7" fillId="0" borderId="0" xfId="2" applyNumberFormat="1" applyFont="1" applyFill="1" applyAlignment="1" applyProtection="1">
      <protection locked="0"/>
    </xf>
    <xf numFmtId="49" fontId="7" fillId="0" borderId="0" xfId="2" applyNumberFormat="1" applyFont="1" applyFill="1" applyBorder="1" applyAlignment="1" applyProtection="1">
      <protection locked="0"/>
    </xf>
    <xf numFmtId="49" fontId="7" fillId="0" borderId="0" xfId="2" applyNumberFormat="1" applyFont="1" applyFill="1" applyBorder="1" applyAlignment="1" applyProtection="1">
      <alignment horizontal="center"/>
      <protection locked="0"/>
    </xf>
    <xf numFmtId="49" fontId="7" fillId="0" borderId="0" xfId="2" applyNumberFormat="1" applyFont="1" applyFill="1" applyBorder="1"/>
    <xf numFmtId="49" fontId="7" fillId="0" borderId="0" xfId="2" applyNumberFormat="1" applyFont="1" applyFill="1"/>
    <xf numFmtId="49" fontId="7" fillId="0" borderId="0" xfId="2" applyNumberFormat="1" applyFont="1" applyFill="1" applyBorder="1" applyProtection="1">
      <protection locked="0"/>
    </xf>
    <xf numFmtId="38" fontId="7" fillId="0" borderId="0" xfId="2" applyFont="1" applyFill="1" applyProtection="1">
      <protection locked="0"/>
    </xf>
    <xf numFmtId="38" fontId="7" fillId="0" borderId="0" xfId="2" applyFont="1" applyFill="1" applyAlignment="1" applyProtection="1">
      <protection locked="0"/>
    </xf>
    <xf numFmtId="38" fontId="8" fillId="0" borderId="0" xfId="2" applyFont="1" applyFill="1" applyAlignment="1" applyProtection="1">
      <protection locked="0"/>
    </xf>
    <xf numFmtId="38" fontId="7" fillId="0" borderId="0" xfId="2" applyFont="1" applyFill="1" applyBorder="1" applyAlignment="1" applyProtection="1">
      <protection locked="0"/>
    </xf>
    <xf numFmtId="38" fontId="23" fillId="0" borderId="0" xfId="2" applyFont="1" applyFill="1" applyBorder="1" applyAlignment="1" applyProtection="1">
      <alignment horizontal="center" vertical="center"/>
      <protection locked="0"/>
    </xf>
    <xf numFmtId="38" fontId="7" fillId="0" borderId="0" xfId="2" applyFont="1" applyFill="1" applyBorder="1" applyProtection="1">
      <protection locked="0"/>
    </xf>
    <xf numFmtId="38" fontId="8" fillId="0" borderId="0" xfId="2" applyFont="1" applyFill="1" applyAlignment="1" applyProtection="1">
      <alignment horizontal="center"/>
      <protection locked="0"/>
    </xf>
    <xf numFmtId="38" fontId="23" fillId="0" borderId="0" xfId="2" applyFont="1" applyFill="1" applyAlignment="1" applyProtection="1">
      <protection locked="0"/>
    </xf>
    <xf numFmtId="38" fontId="7" fillId="0" borderId="0" xfId="2" applyFont="1" applyFill="1" applyAlignment="1" applyProtection="1"/>
    <xf numFmtId="38" fontId="7" fillId="0" borderId="0" xfId="2" applyFont="1" applyFill="1" applyProtection="1"/>
    <xf numFmtId="38" fontId="7" fillId="0" borderId="0" xfId="2" applyFont="1" applyFill="1" applyAlignment="1" applyProtection="1">
      <alignment horizontal="left"/>
    </xf>
    <xf numFmtId="37" fontId="4" fillId="0" borderId="0" xfId="3" applyFont="1" applyFill="1" applyAlignment="1" applyProtection="1">
      <alignment horizontal="left"/>
    </xf>
    <xf numFmtId="37" fontId="7" fillId="0" borderId="10" xfId="3" applyFont="1" applyFill="1" applyBorder="1" applyAlignment="1">
      <alignment horizontal="centerContinuous"/>
    </xf>
    <xf numFmtId="37" fontId="7" fillId="0" borderId="10" xfId="3" applyFont="1" applyFill="1" applyBorder="1" applyAlignment="1">
      <alignment horizontal="right"/>
    </xf>
    <xf numFmtId="37" fontId="22" fillId="0" borderId="10" xfId="3" applyFont="1" applyFill="1" applyBorder="1" applyAlignment="1">
      <alignment horizontal="right"/>
    </xf>
    <xf numFmtId="37" fontId="13" fillId="0" borderId="17" xfId="3" applyFont="1" applyFill="1" applyBorder="1" applyProtection="1"/>
    <xf numFmtId="37" fontId="13" fillId="0" borderId="3" xfId="3" applyFont="1" applyFill="1" applyBorder="1" applyProtection="1"/>
    <xf numFmtId="37" fontId="11" fillId="0" borderId="51" xfId="3" applyFont="1" applyFill="1" applyBorder="1" applyProtection="1"/>
    <xf numFmtId="37" fontId="13" fillId="0" borderId="22" xfId="3" applyFont="1" applyFill="1" applyBorder="1" applyProtection="1"/>
    <xf numFmtId="37" fontId="13" fillId="0" borderId="51" xfId="3" applyFont="1" applyFill="1" applyBorder="1" applyProtection="1"/>
    <xf numFmtId="37" fontId="11" fillId="0" borderId="28" xfId="3" applyFont="1" applyFill="1" applyBorder="1" applyProtection="1"/>
    <xf numFmtId="37" fontId="11" fillId="0" borderId="32" xfId="3" applyFont="1" applyFill="1" applyBorder="1" applyProtection="1"/>
    <xf numFmtId="37" fontId="11" fillId="0" borderId="67" xfId="3" applyFont="1" applyFill="1" applyBorder="1" applyProtection="1"/>
    <xf numFmtId="37" fontId="11" fillId="0" borderId="75" xfId="3" applyFont="1" applyFill="1" applyBorder="1" applyProtection="1"/>
    <xf numFmtId="37" fontId="11" fillId="0" borderId="37" xfId="3" applyFont="1" applyFill="1" applyBorder="1" applyProtection="1"/>
    <xf numFmtId="37" fontId="11" fillId="0" borderId="103" xfId="3" applyFont="1" applyFill="1" applyBorder="1" applyProtection="1"/>
    <xf numFmtId="37" fontId="11" fillId="0" borderId="84" xfId="3" applyFont="1" applyFill="1" applyBorder="1" applyProtection="1"/>
    <xf numFmtId="37" fontId="11" fillId="0" borderId="86" xfId="3" applyFont="1" applyFill="1" applyBorder="1" applyProtection="1"/>
    <xf numFmtId="37" fontId="11" fillId="0" borderId="80" xfId="3" applyFont="1" applyFill="1" applyBorder="1" applyProtection="1"/>
    <xf numFmtId="37" fontId="11" fillId="0" borderId="104" xfId="3" applyFont="1" applyFill="1" applyBorder="1" applyProtection="1"/>
    <xf numFmtId="49" fontId="23" fillId="0" borderId="0" xfId="3" applyNumberFormat="1" applyFont="1" applyFill="1" applyAlignment="1">
      <alignment horizontal="center" vertical="center" wrapText="1"/>
    </xf>
    <xf numFmtId="49" fontId="7" fillId="0" borderId="0" xfId="3" applyNumberFormat="1" applyFont="1" applyFill="1" applyAlignment="1">
      <alignment horizontal="center" vertical="center"/>
    </xf>
    <xf numFmtId="49" fontId="8" fillId="0" borderId="0" xfId="3" applyNumberFormat="1" applyFont="1" applyFill="1" applyAlignment="1">
      <alignment horizontal="center"/>
    </xf>
    <xf numFmtId="49" fontId="7" fillId="0" borderId="0" xfId="3" applyNumberFormat="1" applyFont="1" applyFill="1" applyBorder="1"/>
    <xf numFmtId="37" fontId="23" fillId="0" borderId="0" xfId="3" applyFont="1" applyFill="1" applyBorder="1" applyAlignment="1"/>
    <xf numFmtId="37" fontId="7" fillId="0" borderId="0" xfId="3" applyFont="1" applyFill="1" applyBorder="1"/>
    <xf numFmtId="37" fontId="23" fillId="0" borderId="0" xfId="3" applyNumberFormat="1" applyFont="1" applyFill="1" applyBorder="1" applyAlignment="1"/>
    <xf numFmtId="37" fontId="25" fillId="0" borderId="0" xfId="3" applyFont="1" applyFill="1" applyBorder="1"/>
    <xf numFmtId="37" fontId="7" fillId="0" borderId="0" xfId="3" applyFont="1" applyFill="1" applyBorder="1" applyAlignment="1"/>
    <xf numFmtId="37" fontId="14" fillId="0" borderId="0" xfId="3" applyFont="1" applyFill="1" applyBorder="1"/>
    <xf numFmtId="37" fontId="7" fillId="0" borderId="0" xfId="3" applyFont="1" applyFill="1" applyAlignment="1">
      <alignment horizontal="right"/>
    </xf>
    <xf numFmtId="49" fontId="7" fillId="0" borderId="0" xfId="3" applyNumberFormat="1" applyFont="1" applyFill="1" applyAlignment="1">
      <alignment horizontal="right"/>
    </xf>
    <xf numFmtId="49" fontId="7" fillId="0" borderId="0" xfId="3" applyNumberFormat="1" applyFont="1" applyFill="1"/>
    <xf numFmtId="37" fontId="11" fillId="0" borderId="36" xfId="3" quotePrefix="1" applyFont="1" applyFill="1" applyBorder="1" applyProtection="1"/>
    <xf numFmtId="37" fontId="11" fillId="0" borderId="0" xfId="3" applyFont="1" applyFill="1" applyAlignment="1">
      <alignment horizontal="right"/>
    </xf>
    <xf numFmtId="0" fontId="26" fillId="0" borderId="0" xfId="7" applyFont="1" applyFill="1" applyAlignment="1">
      <alignment vertical="center"/>
    </xf>
    <xf numFmtId="37" fontId="7" fillId="0" borderId="0" xfId="3" applyFont="1" applyFill="1" applyAlignment="1"/>
    <xf numFmtId="49" fontId="7" fillId="0" borderId="0" xfId="3" applyNumberFormat="1" applyFont="1" applyFill="1" applyAlignment="1">
      <alignment horizontal="center" vertical="center"/>
    </xf>
    <xf numFmtId="49" fontId="7" fillId="0" borderId="0" xfId="3" applyNumberFormat="1" applyFont="1" applyFill="1" applyAlignment="1">
      <alignment horizontal="center" vertical="center" wrapText="1"/>
    </xf>
    <xf numFmtId="49" fontId="7" fillId="0" borderId="0" xfId="3" applyNumberFormat="1" applyFont="1" applyFill="1" applyBorder="1" applyAlignment="1">
      <alignment horizontal="center" vertical="center" wrapText="1"/>
    </xf>
    <xf numFmtId="37" fontId="7" fillId="0" borderId="0" xfId="3" applyFont="1" applyFill="1" applyBorder="1" applyAlignment="1">
      <alignment horizontal="right"/>
    </xf>
    <xf numFmtId="37" fontId="7" fillId="0" borderId="2" xfId="3" quotePrefix="1" applyFont="1" applyFill="1" applyBorder="1" applyAlignment="1">
      <alignment horizontal="center" vertical="center"/>
    </xf>
    <xf numFmtId="37" fontId="7" fillId="0" borderId="2" xfId="3" quotePrefix="1" applyFont="1" applyFill="1" applyBorder="1" applyAlignment="1">
      <alignment horizontal="left"/>
    </xf>
    <xf numFmtId="37" fontId="7" fillId="0" borderId="0" xfId="3" applyFont="1" applyFill="1" applyAlignment="1">
      <alignment horizontal="left"/>
    </xf>
    <xf numFmtId="0" fontId="11" fillId="0" borderId="97" xfId="5" applyFont="1" applyFill="1" applyBorder="1" applyAlignment="1" applyProtection="1">
      <alignment horizontal="center" vertical="center"/>
    </xf>
    <xf numFmtId="0" fontId="0" fillId="0" borderId="70" xfId="0" applyFill="1" applyBorder="1" applyAlignment="1">
      <alignment horizontal="center" vertical="center"/>
    </xf>
    <xf numFmtId="0" fontId="0" fillId="0" borderId="47" xfId="0" applyFill="1" applyBorder="1" applyAlignment="1">
      <alignment horizontal="center" vertical="center"/>
    </xf>
    <xf numFmtId="0" fontId="11" fillId="0" borderId="123" xfId="5" applyFont="1" applyFill="1" applyBorder="1" applyAlignment="1">
      <alignment horizontal="right" vertical="center"/>
    </xf>
    <xf numFmtId="0" fontId="0" fillId="0" borderId="124" xfId="0" applyFill="1" applyBorder="1" applyAlignment="1">
      <alignment horizontal="right" vertical="center"/>
    </xf>
    <xf numFmtId="0" fontId="11" fillId="0" borderId="49" xfId="5" applyFont="1" applyFill="1" applyBorder="1" applyAlignment="1" applyProtection="1">
      <alignment horizontal="center" vertical="center"/>
    </xf>
    <xf numFmtId="0" fontId="0" fillId="0" borderId="4" xfId="0" applyFill="1" applyBorder="1" applyAlignment="1">
      <alignment horizontal="center"/>
    </xf>
    <xf numFmtId="0" fontId="11" fillId="0" borderId="17" xfId="5" applyFont="1" applyFill="1" applyBorder="1" applyAlignment="1" applyProtection="1">
      <alignment horizontal="center" vertical="center"/>
    </xf>
    <xf numFmtId="0" fontId="0" fillId="0" borderId="15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11" fillId="0" borderId="108" xfId="5" applyFont="1" applyFill="1" applyBorder="1" applyAlignment="1">
      <alignment horizontal="center" vertical="center"/>
    </xf>
    <xf numFmtId="0" fontId="0" fillId="0" borderId="101" xfId="0" applyFill="1" applyBorder="1" applyAlignment="1">
      <alignment horizontal="center" vertical="center"/>
    </xf>
    <xf numFmtId="0" fontId="0" fillId="0" borderId="55" xfId="0" applyFill="1" applyBorder="1" applyAlignment="1">
      <alignment horizontal="center" vertical="center"/>
    </xf>
    <xf numFmtId="0" fontId="11" fillId="0" borderId="23" xfId="5" applyFont="1" applyFill="1" applyBorder="1" applyAlignment="1">
      <alignment horizontal="left" vertical="center"/>
    </xf>
    <xf numFmtId="0" fontId="11" fillId="0" borderId="49" xfId="5" applyFont="1" applyFill="1" applyBorder="1" applyAlignment="1">
      <alignment horizontal="left" vertical="center"/>
    </xf>
    <xf numFmtId="0" fontId="11" fillId="0" borderId="4" xfId="5" applyFont="1" applyFill="1" applyBorder="1" applyAlignment="1">
      <alignment horizontal="left" vertical="center"/>
    </xf>
    <xf numFmtId="0" fontId="11" fillId="0" borderId="2" xfId="5" applyFont="1" applyFill="1" applyBorder="1" applyAlignment="1" applyProtection="1">
      <alignment horizontal="center" vertical="center" textRotation="255" wrapText="1"/>
    </xf>
    <xf numFmtId="0" fontId="11" fillId="0" borderId="5" xfId="5" applyFont="1" applyFill="1" applyBorder="1" applyAlignment="1" applyProtection="1">
      <alignment horizontal="center" vertical="center" textRotation="255" wrapText="1"/>
    </xf>
    <xf numFmtId="0" fontId="7" fillId="0" borderId="74" xfId="5" applyFont="1" applyFill="1" applyBorder="1" applyAlignment="1" applyProtection="1">
      <alignment horizontal="center" vertical="center" wrapText="1"/>
    </xf>
    <xf numFmtId="0" fontId="7" fillId="0" borderId="87" xfId="5" applyFont="1" applyFill="1" applyBorder="1" applyAlignment="1" applyProtection="1">
      <alignment horizontal="center" vertical="center" wrapText="1"/>
    </xf>
    <xf numFmtId="0" fontId="7" fillId="0" borderId="2" xfId="5" applyFont="1" applyFill="1" applyBorder="1" applyAlignment="1" applyProtection="1">
      <alignment horizontal="center" vertical="center" textRotation="255" wrapText="1"/>
    </xf>
    <xf numFmtId="0" fontId="7" fillId="0" borderId="5" xfId="5" applyFont="1" applyFill="1" applyBorder="1" applyAlignment="1" applyProtection="1">
      <alignment horizontal="center" vertical="center" textRotation="255" wrapText="1"/>
    </xf>
    <xf numFmtId="0" fontId="11" fillId="0" borderId="17" xfId="5" applyFont="1" applyFill="1" applyBorder="1" applyAlignment="1" applyProtection="1">
      <alignment horizontal="left" vertical="center"/>
    </xf>
    <xf numFmtId="0" fontId="11" fillId="0" borderId="15" xfId="5" applyFont="1" applyFill="1" applyBorder="1" applyAlignment="1" applyProtection="1">
      <alignment horizontal="left" vertical="center"/>
    </xf>
    <xf numFmtId="0" fontId="11" fillId="0" borderId="1" xfId="5" applyFont="1" applyFill="1" applyBorder="1" applyAlignment="1" applyProtection="1">
      <alignment horizontal="left" vertical="center"/>
    </xf>
    <xf numFmtId="0" fontId="11" fillId="0" borderId="53" xfId="5" applyFont="1" applyFill="1" applyBorder="1" applyAlignment="1" applyProtection="1">
      <alignment horizontal="center" vertical="center" textRotation="255"/>
    </xf>
    <xf numFmtId="0" fontId="11" fillId="0" borderId="74" xfId="5" applyFont="1" applyFill="1" applyBorder="1" applyAlignment="1" applyProtection="1">
      <alignment horizontal="center" vertical="center" textRotation="255"/>
    </xf>
    <xf numFmtId="0" fontId="11" fillId="0" borderId="27" xfId="5" applyFont="1" applyFill="1" applyBorder="1" applyAlignment="1" applyProtection="1">
      <alignment horizontal="center" vertical="center" textRotation="255"/>
    </xf>
    <xf numFmtId="0" fontId="11" fillId="0" borderId="28" xfId="5" applyFont="1" applyFill="1" applyBorder="1" applyAlignment="1" applyProtection="1">
      <alignment horizontal="center" vertical="center" textRotation="255"/>
    </xf>
    <xf numFmtId="0" fontId="11" fillId="0" borderId="2" xfId="5" applyFont="1" applyFill="1" applyBorder="1" applyAlignment="1" applyProtection="1">
      <alignment horizontal="center" vertical="center" textRotation="255"/>
    </xf>
    <xf numFmtId="0" fontId="11" fillId="0" borderId="34" xfId="5" applyFont="1" applyFill="1" applyBorder="1" applyAlignment="1" applyProtection="1">
      <alignment horizontal="distributed" vertical="center" justifyLastLine="1"/>
    </xf>
    <xf numFmtId="0" fontId="16" fillId="0" borderId="50" xfId="0" applyFont="1" applyFill="1" applyBorder="1" applyAlignment="1">
      <alignment horizontal="distributed" vertical="center" justifyLastLine="1"/>
    </xf>
    <xf numFmtId="0" fontId="11" fillId="0" borderId="27" xfId="5" applyFont="1" applyFill="1" applyBorder="1" applyAlignment="1" applyProtection="1">
      <alignment horizontal="left" vertical="center"/>
    </xf>
    <xf numFmtId="0" fontId="11" fillId="0" borderId="5" xfId="5" applyFont="1" applyFill="1" applyBorder="1" applyAlignment="1" applyProtection="1">
      <alignment horizontal="left" vertical="center"/>
    </xf>
    <xf numFmtId="0" fontId="11" fillId="0" borderId="87" xfId="5" applyFont="1" applyFill="1" applyBorder="1" applyAlignment="1" applyProtection="1">
      <alignment horizontal="center" vertical="center" textRotation="255"/>
    </xf>
    <xf numFmtId="0" fontId="11" fillId="0" borderId="5" xfId="5" applyFont="1" applyFill="1" applyBorder="1" applyAlignment="1" applyProtection="1">
      <alignment horizontal="center" vertical="center" textRotation="255"/>
    </xf>
    <xf numFmtId="0" fontId="11" fillId="0" borderId="42" xfId="5" applyFont="1" applyFill="1" applyBorder="1" applyAlignment="1" applyProtection="1">
      <alignment horizontal="center" vertical="center" wrapText="1"/>
    </xf>
    <xf numFmtId="0" fontId="11" fillId="0" borderId="34" xfId="5" applyFont="1" applyFill="1" applyBorder="1" applyAlignment="1" applyProtection="1">
      <alignment horizontal="center" vertical="center" wrapText="1"/>
    </xf>
    <xf numFmtId="0" fontId="11" fillId="0" borderId="40" xfId="5" applyFont="1" applyFill="1" applyBorder="1" applyAlignment="1" applyProtection="1">
      <alignment horizontal="center" vertical="center" wrapText="1"/>
    </xf>
    <xf numFmtId="0" fontId="11" fillId="0" borderId="1" xfId="5" applyFont="1" applyFill="1" applyBorder="1" applyAlignment="1" applyProtection="1">
      <alignment horizontal="center" vertical="center" wrapText="1"/>
    </xf>
    <xf numFmtId="0" fontId="11" fillId="0" borderId="23" xfId="5" applyFont="1" applyFill="1" applyBorder="1" applyAlignment="1" applyProtection="1">
      <alignment horizontal="center" vertical="center"/>
    </xf>
    <xf numFmtId="0" fontId="11" fillId="0" borderId="4" xfId="5" applyFont="1" applyFill="1" applyBorder="1" applyAlignment="1" applyProtection="1">
      <alignment horizontal="center" vertical="center"/>
    </xf>
    <xf numFmtId="0" fontId="11" fillId="0" borderId="49" xfId="5" applyFont="1" applyFill="1" applyBorder="1" applyAlignment="1">
      <alignment horizontal="center" vertical="center"/>
    </xf>
    <xf numFmtId="0" fontId="11" fillId="0" borderId="4" xfId="5" applyFont="1" applyFill="1" applyBorder="1" applyAlignment="1">
      <alignment horizontal="center" vertical="center"/>
    </xf>
    <xf numFmtId="0" fontId="18" fillId="0" borderId="82" xfId="5" applyFont="1" applyFill="1" applyBorder="1" applyAlignment="1" applyProtection="1">
      <alignment horizontal="center" vertical="center" textRotation="255" wrapText="1"/>
    </xf>
    <xf numFmtId="0" fontId="18" fillId="0" borderId="53" xfId="0" applyFont="1" applyFill="1" applyBorder="1" applyAlignment="1">
      <alignment vertical="center" textRotation="255"/>
    </xf>
    <xf numFmtId="0" fontId="18" fillId="0" borderId="74" xfId="0" applyFont="1" applyFill="1" applyBorder="1" applyAlignment="1">
      <alignment vertical="center" textRotation="255"/>
    </xf>
    <xf numFmtId="0" fontId="11" fillId="0" borderId="27" xfId="5" applyFont="1" applyFill="1" applyBorder="1" applyAlignment="1">
      <alignment horizontal="left" vertical="center"/>
    </xf>
    <xf numFmtId="0" fontId="17" fillId="0" borderId="5" xfId="5" applyFont="1" applyFill="1" applyBorder="1" applyAlignment="1">
      <alignment horizontal="left" vertical="center"/>
    </xf>
    <xf numFmtId="0" fontId="11" fillId="0" borderId="23" xfId="5" applyFont="1" applyFill="1" applyBorder="1" applyAlignment="1" applyProtection="1">
      <alignment horizontal="left" vertical="center"/>
    </xf>
    <xf numFmtId="0" fontId="11" fillId="0" borderId="49" xfId="5" applyFont="1" applyFill="1" applyBorder="1" applyAlignment="1" applyProtection="1">
      <alignment horizontal="left" vertical="center"/>
    </xf>
    <xf numFmtId="0" fontId="11" fillId="0" borderId="41" xfId="5" applyFont="1" applyFill="1" applyBorder="1" applyAlignment="1" applyProtection="1">
      <alignment horizontal="left" vertical="center"/>
    </xf>
    <xf numFmtId="0" fontId="11" fillId="0" borderId="4" xfId="5" applyFont="1" applyFill="1" applyBorder="1" applyAlignment="1" applyProtection="1">
      <alignment horizontal="left" vertical="center"/>
    </xf>
    <xf numFmtId="0" fontId="11" fillId="0" borderId="70" xfId="5" applyFont="1" applyFill="1" applyBorder="1" applyAlignment="1" applyProtection="1">
      <alignment horizontal="center" vertical="center"/>
    </xf>
    <xf numFmtId="0" fontId="11" fillId="0" borderId="71" xfId="5" applyFont="1" applyFill="1" applyBorder="1" applyAlignment="1" applyProtection="1">
      <alignment horizontal="center" vertical="center"/>
    </xf>
    <xf numFmtId="0" fontId="0" fillId="0" borderId="36" xfId="0" applyFill="1" applyBorder="1" applyAlignment="1">
      <alignment horizontal="center" vertical="center"/>
    </xf>
    <xf numFmtId="0" fontId="0" fillId="0" borderId="60" xfId="0" applyFill="1" applyBorder="1" applyAlignment="1">
      <alignment horizontal="center" vertical="center"/>
    </xf>
    <xf numFmtId="0" fontId="0" fillId="0" borderId="21" xfId="0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0" fontId="0" fillId="0" borderId="50" xfId="0" applyFill="1" applyBorder="1" applyAlignment="1">
      <alignment horizontal="center" vertical="center"/>
    </xf>
    <xf numFmtId="0" fontId="11" fillId="0" borderId="41" xfId="5" applyFont="1" applyFill="1" applyBorder="1" applyAlignment="1" applyProtection="1">
      <alignment vertical="center" wrapText="1"/>
    </xf>
    <xf numFmtId="0" fontId="0" fillId="0" borderId="49" xfId="0" applyFill="1" applyBorder="1" applyAlignment="1">
      <alignment vertical="center" wrapText="1"/>
    </xf>
    <xf numFmtId="0" fontId="0" fillId="0" borderId="4" xfId="0" applyFill="1" applyBorder="1" applyAlignment="1">
      <alignment vertical="center" wrapText="1"/>
    </xf>
    <xf numFmtId="0" fontId="11" fillId="0" borderId="25" xfId="5" applyFont="1" applyFill="1" applyBorder="1" applyAlignment="1" applyProtection="1">
      <alignment horizontal="left" vertical="center" wrapText="1"/>
    </xf>
    <xf numFmtId="0" fontId="0" fillId="0" borderId="38" xfId="0" applyFill="1" applyBorder="1" applyAlignment="1">
      <alignment vertical="center" wrapText="1"/>
    </xf>
    <xf numFmtId="0" fontId="0" fillId="0" borderId="34" xfId="0" applyFill="1" applyBorder="1" applyAlignment="1">
      <alignment vertical="center" wrapText="1"/>
    </xf>
    <xf numFmtId="0" fontId="11" fillId="0" borderId="23" xfId="5" applyFont="1" applyFill="1" applyBorder="1" applyAlignment="1" applyProtection="1">
      <alignment vertical="center" wrapText="1"/>
    </xf>
    <xf numFmtId="0" fontId="11" fillId="0" borderId="97" xfId="5" applyFont="1" applyFill="1" applyBorder="1" applyAlignment="1" applyProtection="1">
      <alignment horizontal="center" vertical="center" justifyLastLine="1"/>
    </xf>
    <xf numFmtId="0" fontId="11" fillId="0" borderId="70" xfId="5" applyFont="1" applyFill="1" applyBorder="1" applyAlignment="1" applyProtection="1">
      <alignment horizontal="center" vertical="center" justifyLastLine="1"/>
    </xf>
    <xf numFmtId="0" fontId="11" fillId="0" borderId="36" xfId="5" applyFont="1" applyFill="1" applyBorder="1" applyAlignment="1" applyProtection="1">
      <alignment horizontal="center" vertical="center"/>
    </xf>
    <xf numFmtId="0" fontId="11" fillId="0" borderId="60" xfId="5" applyFont="1" applyFill="1" applyBorder="1" applyAlignment="1" applyProtection="1">
      <alignment horizontal="center" vertical="center"/>
    </xf>
    <xf numFmtId="0" fontId="11" fillId="0" borderId="21" xfId="5" applyFont="1" applyFill="1" applyBorder="1" applyAlignment="1" applyProtection="1">
      <alignment horizontal="center" vertical="center"/>
    </xf>
    <xf numFmtId="0" fontId="11" fillId="0" borderId="0" xfId="5" applyFont="1" applyFill="1" applyBorder="1" applyAlignment="1" applyProtection="1">
      <alignment horizontal="center" vertical="center"/>
    </xf>
    <xf numFmtId="0" fontId="11" fillId="0" borderId="50" xfId="5" applyFont="1" applyFill="1" applyBorder="1" applyAlignment="1" applyProtection="1">
      <alignment horizontal="center" vertical="center"/>
    </xf>
    <xf numFmtId="0" fontId="11" fillId="0" borderId="15" xfId="5" applyFont="1" applyFill="1" applyBorder="1" applyAlignment="1" applyProtection="1">
      <alignment horizontal="center" vertical="center"/>
    </xf>
    <xf numFmtId="0" fontId="11" fillId="0" borderId="1" xfId="5" applyFont="1" applyFill="1" applyBorder="1" applyAlignment="1" applyProtection="1">
      <alignment horizontal="center" vertical="center"/>
    </xf>
    <xf numFmtId="0" fontId="11" fillId="0" borderId="93" xfId="5" applyFont="1" applyFill="1" applyBorder="1" applyAlignment="1" applyProtection="1">
      <alignment horizontal="center" vertical="center" justifyLastLine="1"/>
    </xf>
    <xf numFmtId="0" fontId="11" fillId="0" borderId="41" xfId="5" applyFont="1" applyFill="1" applyBorder="1" applyAlignment="1" applyProtection="1">
      <alignment vertical="center"/>
    </xf>
    <xf numFmtId="0" fontId="16" fillId="0" borderId="49" xfId="0" applyFont="1" applyFill="1" applyBorder="1" applyAlignment="1">
      <alignment vertical="center"/>
    </xf>
    <xf numFmtId="0" fontId="11" fillId="0" borderId="23" xfId="5" applyFont="1" applyFill="1" applyBorder="1" applyAlignment="1" applyProtection="1">
      <alignment vertical="center"/>
    </xf>
    <xf numFmtId="0" fontId="11" fillId="0" borderId="49" xfId="5" applyFont="1" applyFill="1" applyBorder="1" applyAlignment="1" applyProtection="1">
      <alignment vertical="center"/>
    </xf>
    <xf numFmtId="0" fontId="11" fillId="0" borderId="23" xfId="5" applyFont="1" applyFill="1" applyBorder="1" applyAlignment="1" applyProtection="1">
      <alignment horizontal="left" vertical="center" wrapText="1"/>
    </xf>
    <xf numFmtId="0" fontId="11" fillId="0" borderId="49" xfId="5" applyFont="1" applyFill="1" applyBorder="1" applyAlignment="1" applyProtection="1">
      <alignment horizontal="left" vertical="center" wrapText="1"/>
    </xf>
    <xf numFmtId="0" fontId="11" fillId="0" borderId="82" xfId="5" applyFont="1" applyFill="1" applyBorder="1" applyAlignment="1" applyProtection="1">
      <alignment horizontal="center" vertical="center" wrapText="1" shrinkToFit="1"/>
    </xf>
    <xf numFmtId="0" fontId="11" fillId="0" borderId="53" xfId="5" applyFont="1" applyFill="1" applyBorder="1" applyAlignment="1" applyProtection="1">
      <alignment horizontal="center" vertical="center" wrapText="1" shrinkToFit="1"/>
    </xf>
    <xf numFmtId="0" fontId="11" fillId="0" borderId="74" xfId="5" applyFont="1" applyFill="1" applyBorder="1" applyAlignment="1" applyProtection="1">
      <alignment horizontal="center" vertical="center" wrapText="1" shrinkToFit="1"/>
    </xf>
    <xf numFmtId="0" fontId="11" fillId="0" borderId="41" xfId="5" applyFont="1" applyFill="1" applyBorder="1" applyAlignment="1" applyProtection="1">
      <alignment horizontal="left" vertical="center" wrapText="1"/>
    </xf>
    <xf numFmtId="0" fontId="0" fillId="0" borderId="49" xfId="0" applyFill="1" applyBorder="1" applyAlignment="1">
      <alignment wrapText="1"/>
    </xf>
    <xf numFmtId="0" fontId="0" fillId="0" borderId="4" xfId="0" applyFill="1" applyBorder="1" applyAlignment="1">
      <alignment wrapText="1"/>
    </xf>
    <xf numFmtId="0" fontId="11" fillId="0" borderId="108" xfId="5" applyFont="1" applyFill="1" applyBorder="1" applyAlignment="1" applyProtection="1">
      <alignment horizontal="center" vertical="center" wrapText="1"/>
    </xf>
    <xf numFmtId="0" fontId="0" fillId="0" borderId="101" xfId="0" applyFill="1" applyBorder="1" applyAlignment="1">
      <alignment horizontal="center" vertical="center" wrapText="1"/>
    </xf>
    <xf numFmtId="0" fontId="0" fillId="0" borderId="55" xfId="0" applyFill="1" applyBorder="1" applyAlignment="1">
      <alignment horizontal="center" vertical="center" wrapText="1"/>
    </xf>
    <xf numFmtId="0" fontId="11" fillId="0" borderId="85" xfId="5" applyFont="1" applyFill="1" applyBorder="1" applyAlignment="1" applyProtection="1">
      <alignment horizontal="left" vertical="center" wrapText="1"/>
    </xf>
    <xf numFmtId="0" fontId="0" fillId="0" borderId="11" xfId="0" applyFill="1" applyBorder="1" applyAlignment="1">
      <alignment horizontal="left" vertical="center" wrapText="1"/>
    </xf>
    <xf numFmtId="0" fontId="0" fillId="0" borderId="54" xfId="0" applyFill="1" applyBorder="1" applyAlignment="1">
      <alignment horizontal="left" vertical="center" wrapText="1"/>
    </xf>
    <xf numFmtId="0" fontId="0" fillId="0" borderId="49" xfId="0" applyFill="1" applyBorder="1" applyAlignment="1">
      <alignment horizontal="left" vertical="center" wrapText="1"/>
    </xf>
    <xf numFmtId="0" fontId="0" fillId="0" borderId="4" xfId="0" applyFill="1" applyBorder="1" applyAlignment="1">
      <alignment horizontal="left" vertical="center" wrapText="1"/>
    </xf>
    <xf numFmtId="0" fontId="0" fillId="0" borderId="28" xfId="0" applyFill="1" applyBorder="1" applyAlignment="1">
      <alignment horizontal="center" vertical="center" textRotation="255"/>
    </xf>
    <xf numFmtId="0" fontId="0" fillId="0" borderId="2" xfId="0" applyFill="1" applyBorder="1" applyAlignment="1">
      <alignment horizontal="center" vertical="center" textRotation="255"/>
    </xf>
    <xf numFmtId="0" fontId="11" fillId="0" borderId="106" xfId="5" applyFont="1" applyFill="1" applyBorder="1" applyAlignment="1" applyProtection="1">
      <alignment horizontal="center" vertical="center"/>
    </xf>
    <xf numFmtId="0" fontId="11" fillId="0" borderId="69" xfId="5" applyFont="1" applyFill="1" applyBorder="1" applyAlignment="1" applyProtection="1">
      <alignment horizontal="center" vertical="center"/>
    </xf>
    <xf numFmtId="0" fontId="11" fillId="0" borderId="102" xfId="5" applyFont="1" applyFill="1" applyBorder="1" applyAlignment="1" applyProtection="1">
      <alignment horizontal="center" vertical="center"/>
    </xf>
    <xf numFmtId="0" fontId="11" fillId="0" borderId="106" xfId="5" applyFont="1" applyFill="1" applyBorder="1" applyAlignment="1">
      <alignment horizontal="center" vertical="center"/>
    </xf>
    <xf numFmtId="0" fontId="11" fillId="0" borderId="69" xfId="5" applyFont="1" applyFill="1" applyBorder="1" applyAlignment="1">
      <alignment horizontal="center" vertical="center"/>
    </xf>
    <xf numFmtId="0" fontId="11" fillId="0" borderId="102" xfId="5" applyFont="1" applyFill="1" applyBorder="1" applyAlignment="1">
      <alignment horizontal="center" vertical="center"/>
    </xf>
    <xf numFmtId="0" fontId="11" fillId="0" borderId="5" xfId="5" applyFont="1" applyFill="1" applyBorder="1" applyAlignment="1" applyProtection="1">
      <alignment horizontal="distributed" vertical="center"/>
    </xf>
    <xf numFmtId="0" fontId="11" fillId="0" borderId="23" xfId="0" applyFont="1" applyFill="1" applyBorder="1" applyAlignment="1">
      <alignment horizontal="center" vertical="center"/>
    </xf>
    <xf numFmtId="0" fontId="0" fillId="0" borderId="49" xfId="0" applyFill="1" applyBorder="1" applyAlignment="1">
      <alignment horizontal="center" vertical="center"/>
    </xf>
    <xf numFmtId="0" fontId="0" fillId="0" borderId="4" xfId="0" applyFill="1" applyBorder="1" applyAlignment="1">
      <alignment horizontal="center" vertical="center"/>
    </xf>
    <xf numFmtId="0" fontId="11" fillId="0" borderId="23" xfId="5" applyFont="1" applyFill="1" applyBorder="1" applyAlignment="1" applyProtection="1">
      <alignment horizontal="distributed" vertical="center"/>
    </xf>
    <xf numFmtId="0" fontId="11" fillId="0" borderId="49" xfId="5" applyFont="1" applyFill="1" applyBorder="1" applyAlignment="1" applyProtection="1">
      <alignment horizontal="distributed" vertical="center"/>
    </xf>
    <xf numFmtId="0" fontId="11" fillId="0" borderId="4" xfId="5" applyFont="1" applyFill="1" applyBorder="1" applyAlignment="1" applyProtection="1">
      <alignment horizontal="distributed" vertical="center"/>
    </xf>
    <xf numFmtId="0" fontId="11" fillId="0" borderId="87" xfId="5" applyFont="1" applyFill="1" applyBorder="1" applyAlignment="1" applyProtection="1">
      <alignment horizontal="center" vertical="center" textRotation="255" wrapText="1"/>
    </xf>
    <xf numFmtId="0" fontId="11" fillId="0" borderId="41" xfId="5" applyFont="1" applyFill="1" applyBorder="1" applyAlignment="1" applyProtection="1">
      <alignment horizontal="distributed" vertical="center"/>
    </xf>
    <xf numFmtId="0" fontId="0" fillId="0" borderId="49" xfId="0" applyFill="1" applyBorder="1" applyAlignment="1">
      <alignment vertical="center"/>
    </xf>
    <xf numFmtId="0" fontId="0" fillId="0" borderId="4" xfId="0" applyFill="1" applyBorder="1" applyAlignment="1">
      <alignment vertical="center"/>
    </xf>
    <xf numFmtId="0" fontId="11" fillId="0" borderId="25" xfId="5" applyFont="1" applyFill="1" applyBorder="1" applyAlignment="1" applyProtection="1">
      <alignment horizontal="center" vertical="center" textRotation="255"/>
    </xf>
    <xf numFmtId="0" fontId="0" fillId="0" borderId="22" xfId="0" applyFill="1" applyBorder="1" applyAlignment="1">
      <alignment horizontal="center" vertical="center" textRotation="255"/>
    </xf>
    <xf numFmtId="0" fontId="0" fillId="0" borderId="17" xfId="0" applyFill="1" applyBorder="1" applyAlignment="1">
      <alignment vertical="center"/>
    </xf>
    <xf numFmtId="0" fontId="11" fillId="0" borderId="109" xfId="5" applyFont="1" applyFill="1" applyBorder="1" applyAlignment="1" applyProtection="1">
      <alignment horizontal="distributed" vertical="center"/>
    </xf>
    <xf numFmtId="0" fontId="11" fillId="0" borderId="70" xfId="5" applyFont="1" applyFill="1" applyBorder="1" applyAlignment="1" applyProtection="1">
      <alignment horizontal="distributed" vertical="center"/>
    </xf>
    <xf numFmtId="0" fontId="11" fillId="0" borderId="93" xfId="5" applyFont="1" applyFill="1" applyBorder="1" applyAlignment="1" applyProtection="1">
      <alignment horizontal="distributed" vertical="center"/>
    </xf>
    <xf numFmtId="0" fontId="11" fillId="0" borderId="87" xfId="5" applyFont="1" applyFill="1" applyBorder="1" applyAlignment="1" applyProtection="1">
      <alignment horizontal="center" vertical="center"/>
    </xf>
    <xf numFmtId="0" fontId="11" fillId="0" borderId="5" xfId="5" applyFont="1" applyFill="1" applyBorder="1" applyAlignment="1" applyProtection="1">
      <alignment horizontal="center" vertical="center"/>
    </xf>
    <xf numFmtId="0" fontId="11" fillId="0" borderId="104" xfId="5" applyFont="1" applyFill="1" applyBorder="1" applyAlignment="1" applyProtection="1">
      <alignment horizontal="distributed" vertical="center"/>
    </xf>
    <xf numFmtId="0" fontId="11" fillId="0" borderId="10" xfId="5" applyFont="1" applyFill="1" applyBorder="1" applyAlignment="1" applyProtection="1">
      <alignment horizontal="distributed" vertical="center"/>
    </xf>
    <xf numFmtId="0" fontId="11" fillId="0" borderId="79" xfId="5" applyFont="1" applyFill="1" applyBorder="1" applyAlignment="1" applyProtection="1">
      <alignment horizontal="distributed" vertical="center"/>
    </xf>
    <xf numFmtId="0" fontId="11" fillId="0" borderId="24" xfId="5" applyFont="1" applyFill="1" applyBorder="1" applyAlignment="1" applyProtection="1">
      <alignment horizontal="center" vertical="center"/>
    </xf>
    <xf numFmtId="0" fontId="11" fillId="0" borderId="16" xfId="5" applyFont="1" applyFill="1" applyBorder="1" applyAlignment="1" applyProtection="1">
      <alignment horizontal="center" vertical="center"/>
    </xf>
    <xf numFmtId="0" fontId="11" fillId="0" borderId="61" xfId="5" applyFont="1" applyFill="1" applyBorder="1" applyAlignment="1" applyProtection="1">
      <alignment horizontal="center" vertical="center"/>
    </xf>
    <xf numFmtId="0" fontId="11" fillId="0" borderId="87" xfId="5" applyFont="1" applyFill="1" applyBorder="1" applyAlignment="1" applyProtection="1">
      <alignment horizontal="distributed" vertical="center"/>
    </xf>
    <xf numFmtId="0" fontId="16" fillId="0" borderId="5" xfId="0" applyFont="1" applyFill="1" applyBorder="1" applyAlignment="1">
      <alignment horizontal="distributed" vertical="center"/>
    </xf>
    <xf numFmtId="0" fontId="11" fillId="0" borderId="5" xfId="5" applyFont="1" applyFill="1" applyBorder="1" applyAlignment="1" applyProtection="1">
      <alignment horizontal="center" vertical="center" wrapText="1"/>
    </xf>
    <xf numFmtId="0" fontId="11" fillId="0" borderId="87" xfId="5" applyFont="1" applyFill="1" applyBorder="1" applyAlignment="1">
      <alignment horizontal="center" vertical="center" textRotation="255"/>
    </xf>
    <xf numFmtId="0" fontId="11" fillId="0" borderId="17" xfId="5" applyFont="1" applyFill="1" applyBorder="1" applyAlignment="1" applyProtection="1">
      <alignment horizontal="distributed" vertical="center"/>
    </xf>
    <xf numFmtId="0" fontId="11" fillId="0" borderId="15" xfId="5" applyFont="1" applyFill="1" applyBorder="1" applyAlignment="1" applyProtection="1">
      <alignment horizontal="distributed" vertical="center"/>
    </xf>
    <xf numFmtId="0" fontId="11" fillId="0" borderId="1" xfId="5" applyFont="1" applyFill="1" applyBorder="1" applyAlignment="1" applyProtection="1">
      <alignment horizontal="distributed" vertical="center"/>
    </xf>
    <xf numFmtId="0" fontId="11" fillId="0" borderId="82" xfId="5" applyFont="1" applyFill="1" applyBorder="1" applyAlignment="1" applyProtection="1">
      <alignment horizontal="center" vertical="center" textRotation="255"/>
    </xf>
    <xf numFmtId="0" fontId="11" fillId="0" borderId="27" xfId="5" applyFont="1" applyFill="1" applyBorder="1" applyAlignment="1">
      <alignment horizontal="center" vertical="center" textRotation="255"/>
    </xf>
    <xf numFmtId="0" fontId="11" fillId="0" borderId="28" xfId="5" applyFont="1" applyFill="1" applyBorder="1" applyAlignment="1">
      <alignment horizontal="center" vertical="center" textRotation="255"/>
    </xf>
    <xf numFmtId="0" fontId="11" fillId="0" borderId="2" xfId="5" applyFont="1" applyFill="1" applyBorder="1" applyAlignment="1">
      <alignment horizontal="center" vertical="center" textRotation="255"/>
    </xf>
    <xf numFmtId="0" fontId="11" fillId="0" borderId="42" xfId="5" applyFont="1" applyFill="1" applyBorder="1" applyAlignment="1">
      <alignment horizontal="center" vertical="center"/>
    </xf>
    <xf numFmtId="0" fontId="11" fillId="0" borderId="38" xfId="5" applyFont="1" applyFill="1" applyBorder="1" applyAlignment="1">
      <alignment horizontal="center" vertical="center"/>
    </xf>
    <xf numFmtId="0" fontId="11" fillId="0" borderId="94" xfId="5" applyFont="1" applyFill="1" applyBorder="1" applyAlignment="1">
      <alignment horizontal="center" vertical="center"/>
    </xf>
    <xf numFmtId="0" fontId="11" fillId="0" borderId="21" xfId="5" applyFont="1" applyFill="1" applyBorder="1" applyAlignment="1">
      <alignment horizontal="center" vertical="center"/>
    </xf>
    <xf numFmtId="0" fontId="11" fillId="0" borderId="0" xfId="5" applyFont="1" applyFill="1" applyBorder="1" applyAlignment="1">
      <alignment horizontal="center" vertical="center"/>
    </xf>
    <xf numFmtId="0" fontId="11" fillId="0" borderId="48" xfId="5" applyFont="1" applyFill="1" applyBorder="1" applyAlignment="1">
      <alignment horizontal="center" vertical="center"/>
    </xf>
    <xf numFmtId="0" fontId="11" fillId="0" borderId="40" xfId="5" applyFont="1" applyFill="1" applyBorder="1" applyAlignment="1">
      <alignment horizontal="center" vertical="center"/>
    </xf>
    <xf numFmtId="0" fontId="11" fillId="0" borderId="15" xfId="5" applyFont="1" applyFill="1" applyBorder="1" applyAlignment="1">
      <alignment horizontal="center" vertical="center"/>
    </xf>
    <xf numFmtId="0" fontId="11" fillId="0" borderId="58" xfId="5" applyFont="1" applyFill="1" applyBorder="1" applyAlignment="1">
      <alignment horizontal="center" vertical="center"/>
    </xf>
    <xf numFmtId="0" fontId="11" fillId="0" borderId="41" xfId="5" applyFont="1" applyFill="1" applyBorder="1" applyAlignment="1" applyProtection="1">
      <alignment horizontal="center" vertical="center"/>
    </xf>
    <xf numFmtId="0" fontId="11" fillId="0" borderId="90" xfId="5" applyFont="1" applyFill="1" applyBorder="1" applyAlignment="1" applyProtection="1">
      <alignment horizontal="distributed" vertical="center"/>
    </xf>
    <xf numFmtId="0" fontId="11" fillId="0" borderId="115" xfId="5" applyFont="1" applyFill="1" applyBorder="1" applyAlignment="1" applyProtection="1">
      <alignment horizontal="distributed" vertical="center"/>
    </xf>
    <xf numFmtId="0" fontId="11" fillId="0" borderId="7" xfId="5" applyFont="1" applyFill="1" applyBorder="1" applyAlignment="1" applyProtection="1">
      <alignment horizontal="distributed" vertical="center"/>
    </xf>
    <xf numFmtId="0" fontId="11" fillId="0" borderId="90" xfId="5" applyFont="1" applyFill="1" applyBorder="1" applyAlignment="1" applyProtection="1">
      <alignment horizontal="center" vertical="center"/>
    </xf>
    <xf numFmtId="0" fontId="11" fillId="0" borderId="115" xfId="5" applyFont="1" applyFill="1" applyBorder="1" applyAlignment="1" applyProtection="1">
      <alignment horizontal="center" vertical="center"/>
    </xf>
    <xf numFmtId="0" fontId="11" fillId="0" borderId="7" xfId="5" applyFont="1" applyFill="1" applyBorder="1" applyAlignment="1" applyProtection="1">
      <alignment horizontal="center" vertical="center"/>
    </xf>
    <xf numFmtId="0" fontId="11" fillId="0" borderId="42" xfId="6" applyFont="1" applyFill="1" applyBorder="1" applyAlignment="1" applyProtection="1">
      <alignment horizontal="distributed" justifyLastLine="1"/>
    </xf>
    <xf numFmtId="0" fontId="11" fillId="0" borderId="34" xfId="6" applyFont="1" applyFill="1" applyBorder="1" applyAlignment="1" applyProtection="1">
      <alignment horizontal="distributed" justifyLastLine="1"/>
    </xf>
    <xf numFmtId="0" fontId="11" fillId="0" borderId="41" xfId="6" applyFont="1" applyFill="1" applyBorder="1" applyAlignment="1" applyProtection="1">
      <alignment horizontal="distributed" justifyLastLine="1"/>
    </xf>
    <xf numFmtId="0" fontId="11" fillId="0" borderId="4" xfId="6" applyFont="1" applyFill="1" applyBorder="1" applyAlignment="1" applyProtection="1">
      <alignment horizontal="distributed" justifyLastLine="1"/>
    </xf>
    <xf numFmtId="0" fontId="11" fillId="0" borderId="85" xfId="6" applyFont="1" applyFill="1" applyBorder="1" applyAlignment="1" applyProtection="1">
      <alignment horizontal="distributed" justifyLastLine="1"/>
    </xf>
    <xf numFmtId="0" fontId="11" fillId="0" borderId="54" xfId="6" applyFont="1" applyFill="1" applyBorder="1" applyAlignment="1" applyProtection="1">
      <alignment horizontal="distributed" justifyLastLine="1"/>
    </xf>
    <xf numFmtId="0" fontId="11" fillId="0" borderId="103" xfId="4" applyFont="1" applyFill="1" applyBorder="1" applyAlignment="1">
      <alignment horizontal="distributed" justifyLastLine="1"/>
    </xf>
    <xf numFmtId="0" fontId="11" fillId="0" borderId="56" xfId="0" applyFont="1" applyFill="1" applyBorder="1" applyAlignment="1">
      <alignment horizontal="distributed" justifyLastLine="1"/>
    </xf>
    <xf numFmtId="0" fontId="11" fillId="0" borderId="108" xfId="4" applyFont="1" applyFill="1" applyBorder="1" applyAlignment="1">
      <alignment horizontal="distributed" justifyLastLine="1"/>
    </xf>
    <xf numFmtId="0" fontId="11" fillId="0" borderId="55" xfId="0" applyFont="1" applyFill="1" applyBorder="1" applyAlignment="1">
      <alignment horizontal="distributed" justifyLastLine="1"/>
    </xf>
    <xf numFmtId="0" fontId="11" fillId="0" borderId="97" xfId="6" applyFont="1" applyFill="1" applyBorder="1" applyAlignment="1" applyProtection="1">
      <alignment horizontal="center" vertical="center"/>
    </xf>
    <xf numFmtId="0" fontId="11" fillId="0" borderId="70" xfId="6" applyFont="1" applyFill="1" applyBorder="1" applyAlignment="1" applyProtection="1">
      <alignment horizontal="center" vertical="center"/>
    </xf>
    <xf numFmtId="0" fontId="11" fillId="0" borderId="93" xfId="6" applyFont="1" applyFill="1" applyBorder="1" applyAlignment="1" applyProtection="1">
      <alignment horizontal="center" vertical="center"/>
    </xf>
    <xf numFmtId="0" fontId="0" fillId="0" borderId="4" xfId="0" applyFill="1" applyBorder="1" applyAlignment="1">
      <alignment horizontal="distributed" justifyLastLine="1"/>
    </xf>
    <xf numFmtId="0" fontId="11" fillId="0" borderId="20" xfId="6" applyFont="1" applyFill="1" applyBorder="1" applyAlignment="1" applyProtection="1">
      <alignment horizontal="center" vertical="center"/>
    </xf>
    <xf numFmtId="0" fontId="11" fillId="0" borderId="19" xfId="6" applyFont="1" applyFill="1" applyBorder="1" applyAlignment="1" applyProtection="1">
      <alignment horizontal="center" vertical="center"/>
    </xf>
    <xf numFmtId="0" fontId="11" fillId="0" borderId="20" xfId="6" applyFont="1" applyFill="1" applyBorder="1" applyAlignment="1" applyProtection="1">
      <alignment horizontal="center" vertical="center" wrapText="1"/>
    </xf>
    <xf numFmtId="0" fontId="11" fillId="0" borderId="19" xfId="0" applyFont="1" applyFill="1" applyBorder="1" applyAlignment="1">
      <alignment horizontal="center" vertical="center"/>
    </xf>
    <xf numFmtId="0" fontId="11" fillId="0" borderId="71" xfId="6" applyFont="1" applyFill="1" applyBorder="1" applyAlignment="1" applyProtection="1">
      <alignment horizontal="distributed" vertical="center" justifyLastLine="1"/>
    </xf>
    <xf numFmtId="0" fontId="11" fillId="0" borderId="60" xfId="6" applyFont="1" applyFill="1" applyBorder="1" applyAlignment="1" applyProtection="1">
      <alignment horizontal="distributed" vertical="center" justifyLastLine="1"/>
    </xf>
    <xf numFmtId="0" fontId="11" fillId="0" borderId="24" xfId="6" applyFont="1" applyFill="1" applyBorder="1" applyAlignment="1" applyProtection="1">
      <alignment horizontal="distributed" vertical="center" justifyLastLine="1"/>
    </xf>
    <xf numFmtId="0" fontId="11" fillId="0" borderId="61" xfId="6" applyFont="1" applyFill="1" applyBorder="1" applyAlignment="1" applyProtection="1">
      <alignment horizontal="distributed" vertical="center" justifyLastLine="1"/>
    </xf>
    <xf numFmtId="0" fontId="11" fillId="0" borderId="100" xfId="6" applyFont="1" applyFill="1" applyBorder="1" applyAlignment="1" applyProtection="1">
      <alignment horizontal="center" vertical="center" wrapText="1"/>
    </xf>
    <xf numFmtId="0" fontId="11" fillId="0" borderId="66" xfId="6" applyFont="1" applyFill="1" applyBorder="1" applyAlignment="1" applyProtection="1">
      <alignment horizontal="center" vertical="center" wrapText="1"/>
    </xf>
    <xf numFmtId="0" fontId="11" fillId="0" borderId="100" xfId="6" applyFont="1" applyFill="1" applyBorder="1" applyAlignment="1" applyProtection="1">
      <alignment horizontal="center" vertical="center"/>
    </xf>
    <xf numFmtId="0" fontId="11" fillId="0" borderId="66" xfId="6" applyFont="1" applyFill="1" applyBorder="1" applyAlignment="1" applyProtection="1">
      <alignment horizontal="center" vertical="center"/>
    </xf>
    <xf numFmtId="0" fontId="11" fillId="0" borderId="19" xfId="6" applyFont="1" applyFill="1" applyBorder="1" applyAlignment="1" applyProtection="1">
      <alignment horizontal="center" vertical="center" wrapText="1"/>
    </xf>
    <xf numFmtId="0" fontId="11" fillId="0" borderId="20" xfId="6" applyFont="1" applyFill="1" applyBorder="1" applyAlignment="1" applyProtection="1">
      <alignment horizontal="center" vertical="center" wrapText="1" shrinkToFit="1"/>
    </xf>
    <xf numFmtId="0" fontId="11" fillId="0" borderId="19" xfId="6" applyFont="1" applyFill="1" applyBorder="1" applyAlignment="1" applyProtection="1">
      <alignment horizontal="center" vertical="center" shrinkToFit="1"/>
    </xf>
    <xf numFmtId="0" fontId="11" fillId="0" borderId="47" xfId="6" applyFont="1" applyFill="1" applyBorder="1" applyAlignment="1" applyProtection="1">
      <alignment horizontal="center" vertical="center"/>
    </xf>
    <xf numFmtId="0" fontId="11" fillId="0" borderId="20" xfId="0" applyFont="1" applyFill="1" applyBorder="1" applyAlignment="1">
      <alignment horizontal="center" vertical="center" wrapText="1"/>
    </xf>
    <xf numFmtId="0" fontId="11" fillId="0" borderId="19" xfId="0" applyFont="1" applyFill="1" applyBorder="1" applyAlignment="1">
      <alignment horizontal="center" vertical="center" wrapText="1"/>
    </xf>
    <xf numFmtId="0" fontId="11" fillId="0" borderId="60" xfId="0" applyFont="1" applyFill="1" applyBorder="1" applyAlignment="1">
      <alignment horizontal="center" vertical="center" wrapText="1"/>
    </xf>
    <xf numFmtId="0" fontId="11" fillId="0" borderId="61" xfId="0" applyFont="1" applyFill="1" applyBorder="1" applyAlignment="1">
      <alignment horizontal="center" vertical="center" wrapText="1"/>
    </xf>
    <xf numFmtId="0" fontId="11" fillId="0" borderId="71" xfId="6" applyFont="1" applyFill="1" applyBorder="1" applyAlignment="1" applyProtection="1">
      <alignment horizontal="center" vertical="center"/>
    </xf>
    <xf numFmtId="0" fontId="11" fillId="0" borderId="60" xfId="6" applyFont="1" applyFill="1" applyBorder="1" applyAlignment="1" applyProtection="1">
      <alignment horizontal="center" vertical="center"/>
    </xf>
    <xf numFmtId="0" fontId="11" fillId="0" borderId="24" xfId="6" applyFont="1" applyFill="1" applyBorder="1" applyAlignment="1" applyProtection="1">
      <alignment horizontal="center" vertical="center"/>
    </xf>
    <xf numFmtId="0" fontId="11" fillId="0" borderId="61" xfId="6" applyFont="1" applyFill="1" applyBorder="1" applyAlignment="1" applyProtection="1">
      <alignment horizontal="center" vertical="center"/>
    </xf>
    <xf numFmtId="0" fontId="11" fillId="0" borderId="41" xfId="7" applyFont="1" applyFill="1" applyBorder="1" applyAlignment="1" applyProtection="1">
      <alignment horizontal="distributed" justifyLastLine="1"/>
    </xf>
    <xf numFmtId="0" fontId="11" fillId="0" borderId="20" xfId="7" applyFont="1" applyFill="1" applyBorder="1" applyAlignment="1" applyProtection="1">
      <alignment horizontal="center" vertical="center" wrapText="1" justifyLastLine="1"/>
    </xf>
    <xf numFmtId="0" fontId="11" fillId="0" borderId="28" xfId="7" applyFont="1" applyFill="1" applyBorder="1" applyAlignment="1" applyProtection="1">
      <alignment horizontal="center" vertical="center" wrapText="1" justifyLastLine="1"/>
    </xf>
    <xf numFmtId="0" fontId="11" fillId="0" borderId="19" xfId="7" applyFont="1" applyFill="1" applyBorder="1" applyAlignment="1" applyProtection="1">
      <alignment horizontal="center" vertical="center" wrapText="1" justifyLastLine="1"/>
    </xf>
    <xf numFmtId="0" fontId="11" fillId="0" borderId="71" xfId="7" applyFont="1" applyFill="1" applyBorder="1" applyAlignment="1" applyProtection="1">
      <alignment horizontal="distributed" vertical="center" justifyLastLine="1"/>
    </xf>
    <xf numFmtId="0" fontId="11" fillId="0" borderId="60" xfId="7" applyFont="1" applyFill="1" applyBorder="1" applyAlignment="1" applyProtection="1">
      <alignment horizontal="distributed" vertical="center" justifyLastLine="1"/>
    </xf>
    <xf numFmtId="0" fontId="11" fillId="0" borderId="21" xfId="7" applyFont="1" applyFill="1" applyBorder="1" applyAlignment="1" applyProtection="1">
      <alignment horizontal="distributed" vertical="center" justifyLastLine="1"/>
    </xf>
    <xf numFmtId="0" fontId="11" fillId="0" borderId="50" xfId="7" applyFont="1" applyFill="1" applyBorder="1" applyAlignment="1" applyProtection="1">
      <alignment horizontal="distributed" vertical="center" justifyLastLine="1"/>
    </xf>
    <xf numFmtId="0" fontId="11" fillId="0" borderId="24" xfId="7" applyFont="1" applyFill="1" applyBorder="1" applyAlignment="1" applyProtection="1">
      <alignment horizontal="distributed" vertical="center" justifyLastLine="1"/>
    </xf>
    <xf numFmtId="0" fontId="11" fillId="0" borderId="61" xfId="7" applyFont="1" applyFill="1" applyBorder="1" applyAlignment="1" applyProtection="1">
      <alignment horizontal="distributed" vertical="center" justifyLastLine="1"/>
    </xf>
    <xf numFmtId="0" fontId="11" fillId="0" borderId="35" xfId="7" applyFont="1" applyFill="1" applyBorder="1" applyAlignment="1" applyProtection="1">
      <alignment horizontal="center" vertical="center"/>
    </xf>
    <xf numFmtId="0" fontId="11" fillId="0" borderId="66" xfId="7" applyFont="1" applyFill="1" applyBorder="1" applyAlignment="1" applyProtection="1">
      <alignment horizontal="center" vertical="center"/>
    </xf>
    <xf numFmtId="38" fontId="11" fillId="0" borderId="27" xfId="2" applyFont="1" applyFill="1" applyBorder="1" applyAlignment="1" applyProtection="1">
      <alignment horizontal="center" vertical="center" justifyLastLine="1"/>
    </xf>
    <xf numFmtId="38" fontId="11" fillId="0" borderId="19" xfId="2" applyFont="1" applyFill="1" applyBorder="1" applyAlignment="1" applyProtection="1">
      <alignment horizontal="center" vertical="center" justifyLastLine="1"/>
    </xf>
    <xf numFmtId="0" fontId="11" fillId="0" borderId="97" xfId="7" applyFont="1" applyFill="1" applyBorder="1" applyAlignment="1">
      <alignment horizontal="center" vertical="center"/>
    </xf>
    <xf numFmtId="0" fontId="11" fillId="0" borderId="47" xfId="7" applyFont="1" applyFill="1" applyBorder="1" applyAlignment="1">
      <alignment horizontal="center" vertical="center"/>
    </xf>
    <xf numFmtId="0" fontId="11" fillId="0" borderId="27" xfId="7" applyFont="1" applyFill="1" applyBorder="1" applyAlignment="1" applyProtection="1">
      <alignment horizontal="center" vertical="center" wrapText="1"/>
    </xf>
    <xf numFmtId="0" fontId="11" fillId="0" borderId="19" xfId="7" applyFont="1" applyFill="1" applyBorder="1" applyAlignment="1" applyProtection="1">
      <alignment horizontal="center" vertical="center" wrapText="1"/>
    </xf>
    <xf numFmtId="38" fontId="11" fillId="0" borderId="97" xfId="2" applyFont="1" applyFill="1" applyBorder="1" applyAlignment="1" applyProtection="1">
      <alignment horizontal="center" vertical="center" justifyLastLine="1"/>
    </xf>
    <xf numFmtId="38" fontId="11" fillId="0" borderId="93" xfId="2" applyFont="1" applyFill="1" applyBorder="1" applyAlignment="1" applyProtection="1">
      <alignment horizontal="center" vertical="center" justifyLastLine="1"/>
    </xf>
    <xf numFmtId="38" fontId="11" fillId="0" borderId="27" xfId="2" applyFont="1" applyFill="1" applyBorder="1" applyAlignment="1" applyProtection="1">
      <alignment horizontal="center" vertical="center" wrapText="1"/>
    </xf>
    <xf numFmtId="38" fontId="11" fillId="0" borderId="19" xfId="2" applyFont="1" applyFill="1" applyBorder="1" applyAlignment="1" applyProtection="1">
      <alignment horizontal="center" vertical="center" wrapText="1"/>
    </xf>
    <xf numFmtId="0" fontId="17" fillId="0" borderId="27" xfId="7" applyFont="1" applyFill="1" applyBorder="1" applyAlignment="1" applyProtection="1">
      <alignment horizontal="center" vertical="center" wrapText="1"/>
    </xf>
    <xf numFmtId="0" fontId="0" fillId="0" borderId="19" xfId="0" applyFill="1" applyBorder="1" applyAlignment="1">
      <alignment horizontal="center" vertical="center" wrapText="1"/>
    </xf>
    <xf numFmtId="0" fontId="11" fillId="0" borderId="20" xfId="7" applyFont="1" applyFill="1" applyBorder="1" applyAlignment="1" applyProtection="1">
      <alignment horizontal="center" vertical="center" wrapText="1"/>
    </xf>
    <xf numFmtId="0" fontId="11" fillId="0" borderId="28" xfId="7" applyFont="1" applyFill="1" applyBorder="1" applyAlignment="1" applyProtection="1">
      <alignment horizontal="center" vertical="center" wrapText="1"/>
    </xf>
    <xf numFmtId="180" fontId="11" fillId="0" borderId="20" xfId="2" applyNumberFormat="1" applyFont="1" applyFill="1" applyBorder="1" applyAlignment="1" applyProtection="1">
      <alignment horizontal="center" vertical="center"/>
    </xf>
    <xf numFmtId="180" fontId="11" fillId="0" borderId="28" xfId="2" applyNumberFormat="1" applyFont="1" applyFill="1" applyBorder="1" applyAlignment="1" applyProtection="1">
      <alignment horizontal="center" vertical="center"/>
    </xf>
    <xf numFmtId="180" fontId="11" fillId="0" borderId="19" xfId="2" applyNumberFormat="1" applyFont="1" applyFill="1" applyBorder="1" applyAlignment="1" applyProtection="1">
      <alignment horizontal="center" vertical="center"/>
    </xf>
    <xf numFmtId="0" fontId="11" fillId="0" borderId="25" xfId="7" applyFont="1" applyFill="1" applyBorder="1" applyAlignment="1" applyProtection="1">
      <alignment horizontal="center" vertical="center"/>
    </xf>
    <xf numFmtId="0" fontId="11" fillId="0" borderId="18" xfId="7" applyFont="1" applyFill="1" applyBorder="1" applyAlignment="1" applyProtection="1">
      <alignment horizontal="center" vertical="center"/>
    </xf>
    <xf numFmtId="0" fontId="11" fillId="0" borderId="27" xfId="7" applyFont="1" applyFill="1" applyBorder="1" applyAlignment="1" applyProtection="1">
      <alignment horizontal="center" vertical="center"/>
    </xf>
    <xf numFmtId="0" fontId="11" fillId="0" borderId="19" xfId="7" applyFont="1" applyFill="1" applyBorder="1" applyAlignment="1" applyProtection="1">
      <alignment horizontal="center" vertical="center"/>
    </xf>
    <xf numFmtId="38" fontId="11" fillId="0" borderId="20" xfId="2" applyFont="1" applyFill="1" applyBorder="1" applyAlignment="1" applyProtection="1">
      <alignment horizontal="center" vertical="center" justifyLastLine="1"/>
    </xf>
    <xf numFmtId="38" fontId="11" fillId="0" borderId="28" xfId="2" applyFont="1" applyFill="1" applyBorder="1" applyAlignment="1" applyProtection="1">
      <alignment horizontal="center" vertical="center" justifyLastLine="1"/>
    </xf>
    <xf numFmtId="0" fontId="11" fillId="0" borderId="20" xfId="7" applyFont="1" applyFill="1" applyBorder="1" applyAlignment="1" applyProtection="1">
      <alignment horizontal="center" vertical="center"/>
    </xf>
    <xf numFmtId="0" fontId="11" fillId="0" borderId="28" xfId="7" applyFont="1" applyFill="1" applyBorder="1" applyAlignment="1" applyProtection="1">
      <alignment horizontal="center" vertical="center"/>
    </xf>
    <xf numFmtId="0" fontId="11" fillId="0" borderId="4" xfId="7" applyFont="1" applyFill="1" applyBorder="1" applyAlignment="1" applyProtection="1">
      <alignment horizontal="distributed" justifyLastLine="1"/>
    </xf>
    <xf numFmtId="0" fontId="11" fillId="0" borderId="59" xfId="7" applyFont="1" applyFill="1" applyBorder="1" applyAlignment="1" applyProtection="1">
      <alignment horizontal="center" vertical="center" wrapText="1"/>
    </xf>
    <xf numFmtId="0" fontId="11" fillId="0" borderId="22" xfId="7" applyFont="1" applyFill="1" applyBorder="1" applyAlignment="1" applyProtection="1">
      <alignment horizontal="center" vertical="center" wrapText="1"/>
    </xf>
    <xf numFmtId="0" fontId="11" fillId="0" borderId="18" xfId="7" applyFont="1" applyFill="1" applyBorder="1" applyAlignment="1" applyProtection="1">
      <alignment horizontal="center" vertical="center" wrapText="1"/>
    </xf>
    <xf numFmtId="0" fontId="17" fillId="0" borderId="19" xfId="7" applyFont="1" applyFill="1" applyBorder="1" applyAlignment="1" applyProtection="1">
      <alignment horizontal="center" vertical="center" wrapText="1"/>
    </xf>
    <xf numFmtId="0" fontId="11" fillId="0" borderId="97" xfId="7" applyFont="1" applyFill="1" applyBorder="1" applyAlignment="1" applyProtection="1">
      <alignment horizontal="center" vertical="center"/>
    </xf>
    <xf numFmtId="0" fontId="11" fillId="0" borderId="70" xfId="7" applyFont="1" applyFill="1" applyBorder="1" applyAlignment="1" applyProtection="1">
      <alignment horizontal="center" vertical="center"/>
    </xf>
    <xf numFmtId="0" fontId="11" fillId="0" borderId="47" xfId="7" applyFont="1" applyFill="1" applyBorder="1" applyAlignment="1" applyProtection="1">
      <alignment horizontal="center" vertical="center"/>
    </xf>
    <xf numFmtId="0" fontId="27" fillId="0" borderId="108" xfId="4" applyFont="1" applyFill="1" applyBorder="1" applyAlignment="1">
      <alignment horizontal="distributed" justifyLastLine="1"/>
    </xf>
    <xf numFmtId="0" fontId="27" fillId="0" borderId="55" xfId="0" applyFont="1" applyFill="1" applyBorder="1" applyAlignment="1">
      <alignment horizontal="distributed" justifyLastLine="1"/>
    </xf>
    <xf numFmtId="0" fontId="11" fillId="0" borderId="24" xfId="7" applyFont="1" applyFill="1" applyBorder="1" applyAlignment="1" applyProtection="1">
      <alignment horizontal="distributed" justifyLastLine="1"/>
    </xf>
    <xf numFmtId="0" fontId="11" fillId="0" borderId="61" xfId="7" applyFont="1" applyFill="1" applyBorder="1" applyAlignment="1" applyProtection="1">
      <alignment horizontal="distributed" justifyLastLine="1"/>
    </xf>
    <xf numFmtId="0" fontId="11" fillId="0" borderId="20" xfId="0" applyFont="1" applyFill="1" applyBorder="1" applyAlignment="1">
      <alignment horizontal="center" vertical="center"/>
    </xf>
    <xf numFmtId="0" fontId="11" fillId="0" borderId="28" xfId="0" applyFont="1" applyFill="1" applyBorder="1" applyAlignment="1">
      <alignment horizontal="center" vertical="center"/>
    </xf>
    <xf numFmtId="0" fontId="11" fillId="0" borderId="100" xfId="7" applyFont="1" applyFill="1" applyBorder="1" applyAlignment="1" applyProtection="1">
      <alignment horizontal="center" vertical="center" wrapText="1"/>
    </xf>
    <xf numFmtId="0" fontId="11" fillId="0" borderId="51" xfId="7" applyFont="1" applyFill="1" applyBorder="1" applyAlignment="1" applyProtection="1">
      <alignment horizontal="center" vertical="center" wrapText="1"/>
    </xf>
    <xf numFmtId="0" fontId="11" fillId="0" borderId="66" xfId="7" applyFont="1" applyFill="1" applyBorder="1" applyAlignment="1" applyProtection="1">
      <alignment horizontal="center" vertical="center" wrapText="1"/>
    </xf>
    <xf numFmtId="0" fontId="11" fillId="0" borderId="70" xfId="7" applyFont="1" applyFill="1" applyBorder="1" applyAlignment="1">
      <alignment horizontal="center" vertical="center"/>
    </xf>
    <xf numFmtId="0" fontId="11" fillId="0" borderId="85" xfId="7" applyFont="1" applyFill="1" applyBorder="1" applyAlignment="1" applyProtection="1">
      <alignment horizontal="distributed" justifyLastLine="1"/>
    </xf>
    <xf numFmtId="0" fontId="11" fillId="0" borderId="54" xfId="7" applyFont="1" applyFill="1" applyBorder="1" applyAlignment="1" applyProtection="1">
      <alignment horizontal="distributed" justifyLastLine="1"/>
    </xf>
    <xf numFmtId="0" fontId="11" fillId="0" borderId="22" xfId="7" applyFont="1" applyFill="1" applyBorder="1" applyAlignment="1">
      <alignment horizontal="center" vertical="center"/>
    </xf>
    <xf numFmtId="0" fontId="11" fillId="0" borderId="0" xfId="7" applyFont="1" applyFill="1" applyBorder="1" applyAlignment="1">
      <alignment horizontal="center" vertical="center"/>
    </xf>
    <xf numFmtId="0" fontId="11" fillId="0" borderId="50" xfId="7" applyFont="1" applyFill="1" applyBorder="1" applyAlignment="1">
      <alignment horizontal="center" vertical="center"/>
    </xf>
    <xf numFmtId="0" fontId="11" fillId="0" borderId="23" xfId="7" applyFont="1" applyFill="1" applyBorder="1" applyAlignment="1" applyProtection="1">
      <alignment horizontal="center" vertical="center"/>
    </xf>
    <xf numFmtId="0" fontId="11" fillId="0" borderId="49" xfId="7" applyFont="1" applyFill="1" applyBorder="1" applyAlignment="1" applyProtection="1">
      <alignment horizontal="center" vertical="center"/>
    </xf>
    <xf numFmtId="0" fontId="11" fillId="0" borderId="4" xfId="7" applyFont="1" applyFill="1" applyBorder="1" applyAlignment="1" applyProtection="1">
      <alignment horizontal="center" vertical="center"/>
    </xf>
    <xf numFmtId="0" fontId="11" fillId="0" borderId="109" xfId="8" applyFont="1" applyBorder="1" applyAlignment="1">
      <alignment horizontal="distributed" justifyLastLine="1"/>
    </xf>
    <xf numFmtId="0" fontId="0" fillId="0" borderId="70" xfId="0" applyBorder="1" applyAlignment="1">
      <alignment horizontal="distributed" justifyLastLine="1"/>
    </xf>
    <xf numFmtId="0" fontId="0" fillId="0" borderId="47" xfId="0" applyBorder="1" applyAlignment="1">
      <alignment horizontal="distributed" justifyLastLine="1"/>
    </xf>
    <xf numFmtId="0" fontId="11" fillId="0" borderId="87" xfId="8" applyFont="1" applyFill="1" applyBorder="1" applyAlignment="1" applyProtection="1">
      <alignment horizontal="distributed" vertical="center" justifyLastLine="1"/>
    </xf>
    <xf numFmtId="0" fontId="0" fillId="0" borderId="6" xfId="0" applyFill="1" applyBorder="1" applyAlignment="1">
      <alignment horizontal="distributed" vertical="center" justifyLastLine="1"/>
    </xf>
    <xf numFmtId="0" fontId="11" fillId="0" borderId="105" xfId="4" applyFont="1" applyBorder="1" applyAlignment="1">
      <alignment horizontal="distributed" vertical="center" justifyLastLine="1"/>
    </xf>
    <xf numFmtId="0" fontId="11" fillId="0" borderId="9" xfId="0" applyFont="1" applyBorder="1" applyAlignment="1">
      <alignment horizontal="distributed" vertical="center" justifyLastLine="1"/>
    </xf>
    <xf numFmtId="0" fontId="11" fillId="0" borderId="6" xfId="8" applyFont="1" applyFill="1" applyBorder="1" applyAlignment="1" applyProtection="1">
      <alignment horizontal="distributed" vertical="center" justifyLastLine="1"/>
    </xf>
    <xf numFmtId="0" fontId="11" fillId="0" borderId="70" xfId="8" applyFont="1" applyBorder="1" applyAlignment="1">
      <alignment horizontal="distributed" justifyLastLine="1"/>
    </xf>
    <xf numFmtId="0" fontId="11" fillId="0" borderId="87" xfId="4" applyFont="1" applyBorder="1" applyAlignment="1">
      <alignment horizontal="distributed" vertical="center" justifyLastLine="1"/>
    </xf>
    <xf numFmtId="0" fontId="11" fillId="0" borderId="6" xfId="0" applyFont="1" applyBorder="1" applyAlignment="1">
      <alignment horizontal="distributed" vertical="center" justifyLastLine="1"/>
    </xf>
    <xf numFmtId="0" fontId="11" fillId="0" borderId="88" xfId="8" applyFont="1" applyFill="1" applyBorder="1" applyAlignment="1" applyProtection="1">
      <alignment horizontal="distributed" vertical="center" justifyLastLine="1"/>
    </xf>
    <xf numFmtId="0" fontId="11" fillId="0" borderId="29" xfId="8" applyFont="1" applyFill="1" applyBorder="1" applyAlignment="1" applyProtection="1">
      <alignment horizontal="distributed" vertical="center" justifyLastLine="1"/>
    </xf>
    <xf numFmtId="0" fontId="7" fillId="0" borderId="0" xfId="8" applyFont="1" applyBorder="1" applyAlignment="1">
      <alignment horizontal="center" vertical="center"/>
    </xf>
    <xf numFmtId="38" fontId="7" fillId="0" borderId="0" xfId="2" applyFont="1" applyBorder="1" applyAlignment="1">
      <alignment horizontal="center" vertical="center"/>
    </xf>
    <xf numFmtId="0" fontId="7" fillId="0" borderId="0" xfId="8" applyFont="1" applyBorder="1" applyAlignment="1">
      <alignment horizontal="center" vertical="center" wrapText="1"/>
    </xf>
    <xf numFmtId="37" fontId="11" fillId="0" borderId="108" xfId="14" applyFont="1" applyFill="1" applyBorder="1" applyAlignment="1" applyProtection="1">
      <alignment horizontal="distributed" justifyLastLine="1"/>
    </xf>
    <xf numFmtId="0" fontId="34" fillId="0" borderId="55" xfId="15" applyFont="1" applyFill="1" applyBorder="1" applyAlignment="1">
      <alignment horizontal="distributed" justifyLastLine="1"/>
    </xf>
    <xf numFmtId="37" fontId="11" fillId="0" borderId="36" xfId="14" applyFont="1" applyFill="1" applyBorder="1"/>
    <xf numFmtId="37" fontId="11" fillId="0" borderId="109" xfId="14" applyFont="1" applyFill="1" applyBorder="1" applyAlignment="1">
      <alignment horizontal="center"/>
    </xf>
    <xf numFmtId="37" fontId="11" fillId="0" borderId="70" xfId="14" applyFont="1" applyFill="1" applyBorder="1" applyAlignment="1">
      <alignment horizontal="center"/>
    </xf>
    <xf numFmtId="37" fontId="11" fillId="0" borderId="93" xfId="14" applyFont="1" applyFill="1" applyBorder="1" applyAlignment="1">
      <alignment horizontal="center"/>
    </xf>
    <xf numFmtId="39" fontId="11" fillId="0" borderId="49" xfId="14" applyNumberFormat="1" applyFont="1" applyFill="1" applyBorder="1" applyAlignment="1" applyProtection="1">
      <alignment vertical="center" wrapText="1"/>
    </xf>
    <xf numFmtId="39" fontId="11" fillId="0" borderId="57" xfId="14" applyNumberFormat="1" applyFont="1" applyFill="1" applyBorder="1" applyAlignment="1" applyProtection="1">
      <alignment vertical="center" wrapText="1"/>
    </xf>
    <xf numFmtId="37" fontId="11" fillId="0" borderId="20" xfId="14" applyFont="1" applyFill="1" applyBorder="1" applyAlignment="1" applyProtection="1">
      <alignment horizontal="center" vertical="center" wrapText="1"/>
    </xf>
    <xf numFmtId="37" fontId="11" fillId="0" borderId="28" xfId="14" applyFont="1" applyFill="1" applyBorder="1" applyAlignment="1" applyProtection="1">
      <alignment horizontal="center" vertical="center" wrapText="1"/>
    </xf>
    <xf numFmtId="37" fontId="11" fillId="0" borderId="19" xfId="14" applyFont="1" applyFill="1" applyBorder="1" applyAlignment="1" applyProtection="1">
      <alignment horizontal="center" vertical="center" wrapText="1"/>
    </xf>
    <xf numFmtId="37" fontId="11" fillId="0" borderId="97" xfId="14" applyFont="1" applyFill="1" applyBorder="1" applyAlignment="1" applyProtection="1">
      <alignment horizontal="distributed" wrapText="1" justifyLastLine="1"/>
    </xf>
    <xf numFmtId="0" fontId="34" fillId="0" borderId="93" xfId="15" applyFont="1" applyFill="1" applyBorder="1" applyAlignment="1">
      <alignment horizontal="distributed" wrapText="1" justifyLastLine="1"/>
    </xf>
    <xf numFmtId="37" fontId="11" fillId="0" borderId="27" xfId="14" applyFont="1" applyFill="1" applyBorder="1" applyAlignment="1" applyProtection="1">
      <alignment horizontal="distributed" vertical="center" justifyLastLine="1"/>
    </xf>
    <xf numFmtId="0" fontId="34" fillId="0" borderId="19" xfId="15" applyFont="1" applyFill="1" applyBorder="1" applyAlignment="1">
      <alignment horizontal="distributed" vertical="center" justifyLastLine="1"/>
    </xf>
    <xf numFmtId="37" fontId="11" fillId="0" borderId="97" xfId="14" applyFont="1" applyFill="1" applyBorder="1" applyAlignment="1" applyProtection="1">
      <alignment horizontal="distributed" justifyLastLine="1"/>
    </xf>
    <xf numFmtId="37" fontId="11" fillId="0" borderId="47" xfId="14" applyFont="1" applyFill="1" applyBorder="1" applyAlignment="1" applyProtection="1">
      <alignment horizontal="distributed" justifyLastLine="1"/>
    </xf>
    <xf numFmtId="37" fontId="11" fillId="0" borderId="41" xfId="14" applyFont="1" applyFill="1" applyBorder="1" applyAlignment="1" applyProtection="1">
      <alignment horizontal="distributed" justifyLastLine="1"/>
    </xf>
    <xf numFmtId="0" fontId="34" fillId="0" borderId="4" xfId="15" applyFont="1" applyFill="1" applyBorder="1" applyAlignment="1">
      <alignment horizontal="distributed" justifyLastLine="1"/>
    </xf>
    <xf numFmtId="37" fontId="11" fillId="0" borderId="24" xfId="14" applyFont="1" applyFill="1" applyBorder="1" applyAlignment="1" applyProtection="1">
      <alignment horizontal="distributed" justifyLastLine="1"/>
    </xf>
    <xf numFmtId="0" fontId="34" fillId="0" borderId="61" xfId="15" applyFont="1" applyFill="1" applyBorder="1" applyAlignment="1">
      <alignment horizontal="distributed" justifyLastLine="1"/>
    </xf>
    <xf numFmtId="37" fontId="11" fillId="0" borderId="71" xfId="14" applyFont="1" applyFill="1" applyBorder="1" applyAlignment="1" applyProtection="1">
      <alignment horizontal="distributed" vertical="center" justifyLastLine="1"/>
    </xf>
    <xf numFmtId="0" fontId="33" fillId="0" borderId="60" xfId="15" applyFill="1" applyBorder="1" applyAlignment="1">
      <alignment horizontal="distributed" vertical="center" justifyLastLine="1"/>
    </xf>
    <xf numFmtId="0" fontId="33" fillId="0" borderId="21" xfId="15" applyFill="1" applyBorder="1" applyAlignment="1">
      <alignment horizontal="distributed" vertical="center" justifyLastLine="1"/>
    </xf>
    <xf numFmtId="0" fontId="33" fillId="0" borderId="50" xfId="15" applyFill="1" applyBorder="1" applyAlignment="1">
      <alignment horizontal="distributed" vertical="center" justifyLastLine="1"/>
    </xf>
    <xf numFmtId="0" fontId="33" fillId="0" borderId="24" xfId="15" applyFill="1" applyBorder="1" applyAlignment="1">
      <alignment horizontal="distributed" vertical="center" justifyLastLine="1"/>
    </xf>
    <xf numFmtId="0" fontId="33" fillId="0" borderId="61" xfId="15" applyFill="1" applyBorder="1" applyAlignment="1">
      <alignment horizontal="distributed" vertical="center" justifyLastLine="1"/>
    </xf>
    <xf numFmtId="37" fontId="11" fillId="0" borderId="93" xfId="14" applyFont="1" applyFill="1" applyBorder="1" applyAlignment="1" applyProtection="1">
      <alignment horizontal="distributed" justifyLastLine="1"/>
    </xf>
    <xf numFmtId="37" fontId="11" fillId="0" borderId="27" xfId="14" applyFont="1" applyFill="1" applyBorder="1" applyAlignment="1" applyProtection="1">
      <alignment horizontal="center" vertical="center"/>
    </xf>
    <xf numFmtId="37" fontId="11" fillId="0" borderId="19" xfId="14" applyFont="1" applyFill="1" applyBorder="1" applyAlignment="1" applyProtection="1">
      <alignment horizontal="center" vertical="center"/>
    </xf>
    <xf numFmtId="37" fontId="11" fillId="0" borderId="0" xfId="14" applyFont="1" applyFill="1" applyBorder="1" applyAlignment="1"/>
    <xf numFmtId="37" fontId="11" fillId="0" borderId="10" xfId="14" applyFont="1" applyFill="1" applyBorder="1" applyAlignment="1"/>
    <xf numFmtId="37" fontId="11" fillId="0" borderId="95" xfId="14" applyFont="1" applyFill="1" applyBorder="1" applyAlignment="1" applyProtection="1">
      <alignment horizontal="distributed" justifyLastLine="1"/>
    </xf>
    <xf numFmtId="0" fontId="34" fillId="0" borderId="62" xfId="15" applyFont="1" applyFill="1" applyBorder="1" applyAlignment="1">
      <alignment horizontal="distributed" justifyLastLine="1"/>
    </xf>
    <xf numFmtId="37" fontId="11" fillId="0" borderId="151" xfId="14" applyFont="1" applyFill="1" applyBorder="1" applyAlignment="1" applyProtection="1">
      <alignment horizontal="distributed" vertical="center" justifyLastLine="1"/>
    </xf>
    <xf numFmtId="37" fontId="11" fillId="0" borderId="53" xfId="14" applyFont="1" applyFill="1" applyBorder="1" applyAlignment="1" applyProtection="1">
      <alignment horizontal="distributed" vertical="center" justifyLastLine="1"/>
    </xf>
    <xf numFmtId="37" fontId="11" fillId="0" borderId="70" xfId="14" applyFont="1" applyFill="1" applyBorder="1" applyAlignment="1" applyProtection="1">
      <alignment horizontal="center"/>
    </xf>
    <xf numFmtId="0" fontId="33" fillId="0" borderId="70" xfId="15" applyFill="1" applyBorder="1" applyAlignment="1">
      <alignment horizontal="center"/>
    </xf>
    <xf numFmtId="0" fontId="33" fillId="0" borderId="70" xfId="15" applyFill="1" applyBorder="1" applyAlignment="1"/>
    <xf numFmtId="0" fontId="33" fillId="0" borderId="47" xfId="15" applyFill="1" applyBorder="1" applyAlignment="1"/>
    <xf numFmtId="37" fontId="11" fillId="0" borderId="49" xfId="14" applyFont="1" applyFill="1" applyBorder="1" applyAlignment="1" applyProtection="1">
      <alignment horizontal="distributed" justifyLastLine="1"/>
    </xf>
    <xf numFmtId="37" fontId="11" fillId="0" borderId="4" xfId="14" applyFont="1" applyFill="1" applyBorder="1" applyAlignment="1" applyProtection="1">
      <alignment horizontal="distributed" justifyLastLine="1"/>
    </xf>
    <xf numFmtId="37" fontId="11" fillId="0" borderId="23" xfId="14" applyFont="1" applyFill="1" applyBorder="1" applyAlignment="1" applyProtection="1">
      <alignment horizontal="distributed" justifyLastLine="1"/>
    </xf>
    <xf numFmtId="37" fontId="11" fillId="0" borderId="57" xfId="14" applyFont="1" applyFill="1" applyBorder="1" applyAlignment="1" applyProtection="1">
      <alignment horizontal="distributed" justifyLastLine="1"/>
    </xf>
    <xf numFmtId="37" fontId="11" fillId="0" borderId="20" xfId="14" applyFont="1" applyFill="1" applyBorder="1" applyAlignment="1" applyProtection="1">
      <alignment horizontal="distributed" vertical="center" justifyLastLine="1"/>
    </xf>
    <xf numFmtId="37" fontId="11" fillId="0" borderId="28" xfId="14" applyFont="1" applyFill="1" applyBorder="1" applyAlignment="1" applyProtection="1">
      <alignment horizontal="distributed" vertical="center" justifyLastLine="1"/>
    </xf>
    <xf numFmtId="3" fontId="11" fillId="0" borderId="20" xfId="14" applyNumberFormat="1" applyFont="1" applyFill="1" applyBorder="1" applyAlignment="1" applyProtection="1">
      <alignment horizontal="center" vertical="center"/>
    </xf>
    <xf numFmtId="3" fontId="11" fillId="0" borderId="28" xfId="14" applyNumberFormat="1" applyFont="1" applyFill="1" applyBorder="1" applyAlignment="1" applyProtection="1">
      <alignment horizontal="center" vertical="center"/>
    </xf>
    <xf numFmtId="3" fontId="11" fillId="0" borderId="20" xfId="16" applyNumberFormat="1" applyFont="1" applyFill="1" applyBorder="1" applyAlignment="1" applyProtection="1">
      <alignment horizontal="distributed" vertical="center" justifyLastLine="1"/>
    </xf>
    <xf numFmtId="3" fontId="11" fillId="0" borderId="28" xfId="16" applyNumberFormat="1" applyFont="1" applyFill="1" applyBorder="1" applyAlignment="1" applyProtection="1">
      <alignment horizontal="distributed" vertical="center" justifyLastLine="1"/>
    </xf>
    <xf numFmtId="0" fontId="33" fillId="0" borderId="19" xfId="15" applyFill="1" applyBorder="1" applyAlignment="1">
      <alignment horizontal="center" vertical="center"/>
    </xf>
    <xf numFmtId="0" fontId="33" fillId="0" borderId="93" xfId="15" applyFill="1" applyBorder="1" applyAlignment="1">
      <alignment horizontal="distributed" wrapText="1" justifyLastLine="1"/>
    </xf>
    <xf numFmtId="0" fontId="33" fillId="0" borderId="62" xfId="15" applyFont="1" applyFill="1" applyBorder="1" applyAlignment="1">
      <alignment horizontal="distributed" justifyLastLine="1"/>
    </xf>
    <xf numFmtId="0" fontId="33" fillId="0" borderId="55" xfId="15" applyFont="1" applyFill="1" applyBorder="1" applyAlignment="1">
      <alignment horizontal="distributed" justifyLastLine="1"/>
    </xf>
    <xf numFmtId="0" fontId="33" fillId="0" borderId="4" xfId="15" applyFont="1" applyFill="1" applyBorder="1" applyAlignment="1">
      <alignment horizontal="distributed" justifyLastLine="1"/>
    </xf>
    <xf numFmtId="0" fontId="33" fillId="0" borderId="61" xfId="15" applyFont="1" applyFill="1" applyBorder="1" applyAlignment="1">
      <alignment horizontal="distributed" justifyLastLine="1"/>
    </xf>
    <xf numFmtId="37" fontId="11" fillId="0" borderId="97" xfId="14" applyFont="1" applyFill="1" applyBorder="1" applyAlignment="1">
      <alignment horizontal="center"/>
    </xf>
    <xf numFmtId="0" fontId="33" fillId="0" borderId="93" xfId="15" applyFill="1" applyBorder="1" applyAlignment="1">
      <alignment horizontal="center"/>
    </xf>
    <xf numFmtId="37" fontId="11" fillId="0" borderId="25" xfId="14" applyFont="1" applyFill="1" applyBorder="1" applyAlignment="1" applyProtection="1">
      <alignment horizontal="center" vertical="center"/>
    </xf>
    <xf numFmtId="0" fontId="33" fillId="0" borderId="18" xfId="15" applyFill="1" applyBorder="1" applyAlignment="1">
      <alignment horizontal="center" vertical="center"/>
    </xf>
    <xf numFmtId="37" fontId="11" fillId="0" borderId="149" xfId="14" applyFont="1" applyFill="1" applyBorder="1" applyAlignment="1" applyProtection="1">
      <alignment horizontal="center" vertical="center"/>
    </xf>
    <xf numFmtId="0" fontId="33" fillId="0" borderId="137" xfId="15" applyFill="1" applyBorder="1" applyAlignment="1">
      <alignment horizontal="center" vertical="center"/>
    </xf>
    <xf numFmtId="38" fontId="23" fillId="0" borderId="0" xfId="2" applyFont="1" applyFill="1" applyAlignment="1" applyProtection="1">
      <alignment horizontal="center"/>
      <protection locked="0"/>
    </xf>
    <xf numFmtId="38" fontId="11" fillId="0" borderId="97" xfId="2" applyFont="1" applyFill="1" applyBorder="1" applyAlignment="1" applyProtection="1">
      <alignment horizontal="distributed" justifyLastLine="1"/>
    </xf>
    <xf numFmtId="38" fontId="11" fillId="0" borderId="47" xfId="2" applyFont="1" applyFill="1" applyBorder="1" applyAlignment="1" applyProtection="1">
      <alignment horizontal="distributed" justifyLastLine="1"/>
    </xf>
    <xf numFmtId="0" fontId="27" fillId="0" borderId="103" xfId="4" applyFont="1" applyFill="1" applyBorder="1" applyAlignment="1">
      <alignment horizontal="distributed" vertical="top" justifyLastLine="1"/>
    </xf>
    <xf numFmtId="0" fontId="27" fillId="0" borderId="56" xfId="0" applyFont="1" applyFill="1" applyBorder="1" applyAlignment="1">
      <alignment horizontal="distributed" vertical="top" justifyLastLine="1"/>
    </xf>
    <xf numFmtId="0" fontId="11" fillId="0" borderId="93" xfId="0" applyFont="1" applyFill="1" applyBorder="1" applyAlignment="1">
      <alignment horizontal="distributed" justifyLastLine="1"/>
    </xf>
    <xf numFmtId="0" fontId="27" fillId="0" borderId="108" xfId="4" applyFont="1" applyFill="1" applyBorder="1" applyAlignment="1">
      <alignment horizontal="distributed" vertical="top" justifyLastLine="1"/>
    </xf>
    <xf numFmtId="0" fontId="27" fillId="0" borderId="55" xfId="0" applyFont="1" applyFill="1" applyBorder="1" applyAlignment="1">
      <alignment horizontal="distributed" vertical="top" justifyLastLine="1"/>
    </xf>
    <xf numFmtId="38" fontId="11" fillId="0" borderId="71" xfId="2" applyFont="1" applyFill="1" applyBorder="1" applyAlignment="1" applyProtection="1">
      <alignment horizontal="distributed" vertical="center" justifyLastLine="1"/>
    </xf>
    <xf numFmtId="0" fontId="11" fillId="0" borderId="60" xfId="0" applyFont="1" applyFill="1" applyBorder="1" applyAlignment="1">
      <alignment horizontal="distributed" vertical="center" justifyLastLine="1"/>
    </xf>
    <xf numFmtId="0" fontId="11" fillId="0" borderId="21" xfId="0" applyFont="1" applyFill="1" applyBorder="1" applyAlignment="1">
      <alignment horizontal="distributed" vertical="center" justifyLastLine="1"/>
    </xf>
    <xf numFmtId="0" fontId="11" fillId="0" borderId="50" xfId="0" applyFont="1" applyFill="1" applyBorder="1" applyAlignment="1">
      <alignment horizontal="distributed" vertical="center" justifyLastLine="1"/>
    </xf>
    <xf numFmtId="0" fontId="11" fillId="0" borderId="24" xfId="0" applyFont="1" applyFill="1" applyBorder="1" applyAlignment="1">
      <alignment horizontal="distributed" vertical="center" justifyLastLine="1"/>
    </xf>
    <xf numFmtId="0" fontId="11" fillId="0" borderId="61" xfId="0" applyFont="1" applyFill="1" applyBorder="1" applyAlignment="1">
      <alignment horizontal="distributed" vertical="center" justifyLastLine="1"/>
    </xf>
    <xf numFmtId="38" fontId="11" fillId="0" borderId="97" xfId="2" applyFont="1" applyFill="1" applyBorder="1" applyAlignment="1" applyProtection="1">
      <alignment horizontal="center"/>
    </xf>
    <xf numFmtId="38" fontId="11" fillId="0" borderId="70" xfId="2" applyFont="1" applyFill="1" applyBorder="1" applyAlignment="1" applyProtection="1">
      <alignment horizontal="center"/>
    </xf>
    <xf numFmtId="38" fontId="11" fillId="0" borderId="93" xfId="2" applyFont="1" applyFill="1" applyBorder="1" applyAlignment="1" applyProtection="1">
      <alignment horizontal="center"/>
    </xf>
    <xf numFmtId="38" fontId="11" fillId="0" borderId="93" xfId="2" applyFont="1" applyFill="1" applyBorder="1" applyAlignment="1" applyProtection="1">
      <alignment horizontal="distributed" justifyLastLine="1"/>
    </xf>
    <xf numFmtId="37" fontId="11" fillId="0" borderId="104" xfId="3" applyFont="1" applyFill="1" applyBorder="1" applyAlignment="1" applyProtection="1">
      <alignment horizontal="distributed" justifyLastLine="1"/>
    </xf>
    <xf numFmtId="0" fontId="4" fillId="0" borderId="79" xfId="0" applyFont="1" applyFill="1" applyBorder="1" applyAlignment="1">
      <alignment horizontal="distributed" justifyLastLine="1"/>
    </xf>
    <xf numFmtId="37" fontId="11" fillId="0" borderId="103" xfId="3" applyFont="1" applyFill="1" applyBorder="1" applyAlignment="1" applyProtection="1">
      <alignment horizontal="distributed" justifyLastLine="1"/>
    </xf>
    <xf numFmtId="0" fontId="4" fillId="0" borderId="56" xfId="0" applyFont="1" applyFill="1" applyBorder="1" applyAlignment="1">
      <alignment horizontal="distributed" justifyLastLine="1"/>
    </xf>
    <xf numFmtId="37" fontId="11" fillId="0" borderId="97" xfId="3" applyFont="1" applyFill="1" applyBorder="1" applyAlignment="1" applyProtection="1">
      <alignment horizontal="center" vertical="center"/>
    </xf>
    <xf numFmtId="0" fontId="0" fillId="0" borderId="70" xfId="0" applyFill="1" applyBorder="1" applyAlignment="1">
      <alignment vertical="center"/>
    </xf>
    <xf numFmtId="0" fontId="0" fillId="0" borderId="47" xfId="0" applyFill="1" applyBorder="1" applyAlignment="1">
      <alignment vertical="center"/>
    </xf>
    <xf numFmtId="37" fontId="11" fillId="0" borderId="71" xfId="3" applyFont="1" applyFill="1" applyBorder="1" applyAlignment="1" applyProtection="1">
      <alignment horizontal="distributed" vertical="center" justifyLastLine="1"/>
    </xf>
    <xf numFmtId="37" fontId="11" fillId="0" borderId="60" xfId="3" applyFont="1" applyFill="1" applyBorder="1" applyAlignment="1" applyProtection="1">
      <alignment horizontal="distributed" vertical="center" justifyLastLine="1"/>
    </xf>
    <xf numFmtId="37" fontId="11" fillId="0" borderId="21" xfId="3" applyFont="1" applyFill="1" applyBorder="1" applyAlignment="1" applyProtection="1">
      <alignment horizontal="distributed" vertical="center" justifyLastLine="1"/>
    </xf>
    <xf numFmtId="37" fontId="11" fillId="0" borderId="50" xfId="3" applyFont="1" applyFill="1" applyBorder="1" applyAlignment="1" applyProtection="1">
      <alignment horizontal="distributed" vertical="center" justifyLastLine="1"/>
    </xf>
    <xf numFmtId="37" fontId="11" fillId="0" borderId="24" xfId="3" applyFont="1" applyFill="1" applyBorder="1" applyAlignment="1" applyProtection="1">
      <alignment horizontal="distributed" vertical="center" justifyLastLine="1"/>
    </xf>
    <xf numFmtId="37" fontId="11" fillId="0" borderId="61" xfId="3" applyFont="1" applyFill="1" applyBorder="1" applyAlignment="1" applyProtection="1">
      <alignment horizontal="distributed" vertical="center" justifyLastLine="1"/>
    </xf>
    <xf numFmtId="37" fontId="11" fillId="0" borderId="109" xfId="3" applyFont="1" applyFill="1" applyBorder="1" applyAlignment="1" applyProtection="1">
      <alignment horizontal="center" vertical="center"/>
    </xf>
    <xf numFmtId="37" fontId="11" fillId="0" borderId="70" xfId="3" applyFont="1" applyFill="1" applyBorder="1" applyAlignment="1" applyProtection="1">
      <alignment horizontal="center" vertical="center"/>
    </xf>
    <xf numFmtId="37" fontId="11" fillId="0" borderId="47" xfId="3" applyFont="1" applyFill="1" applyBorder="1" applyAlignment="1" applyProtection="1">
      <alignment horizontal="center" vertical="center"/>
    </xf>
    <xf numFmtId="0" fontId="4" fillId="0" borderId="70" xfId="0" applyFont="1" applyFill="1" applyBorder="1" applyAlignment="1">
      <alignment vertical="center"/>
    </xf>
    <xf numFmtId="0" fontId="4" fillId="0" borderId="47" xfId="0" applyFont="1" applyFill="1" applyBorder="1" applyAlignment="1">
      <alignment vertical="center"/>
    </xf>
    <xf numFmtId="37" fontId="7" fillId="0" borderId="39" xfId="3" applyFont="1" applyFill="1" applyBorder="1" applyAlignment="1">
      <alignment horizontal="center" vertical="center"/>
    </xf>
    <xf numFmtId="37" fontId="7" fillId="0" borderId="118" xfId="3" applyFont="1" applyFill="1" applyBorder="1" applyAlignment="1">
      <alignment horizontal="center" vertical="center"/>
    </xf>
    <xf numFmtId="37" fontId="7" fillId="0" borderId="119" xfId="3" applyFont="1" applyFill="1" applyBorder="1" applyAlignment="1">
      <alignment horizontal="center" vertical="center"/>
    </xf>
    <xf numFmtId="49" fontId="11" fillId="0" borderId="0" xfId="3" applyNumberFormat="1" applyFont="1" applyFill="1" applyAlignment="1">
      <alignment horizontal="center" vertical="center" wrapText="1"/>
    </xf>
    <xf numFmtId="49" fontId="11" fillId="0" borderId="0" xfId="3" applyNumberFormat="1" applyFont="1" applyFill="1" applyAlignment="1">
      <alignment horizontal="center" vertical="center"/>
    </xf>
    <xf numFmtId="37" fontId="11" fillId="0" borderId="23" xfId="3" applyFont="1" applyFill="1" applyBorder="1" applyAlignment="1" applyProtection="1">
      <alignment horizontal="center" vertical="center"/>
    </xf>
    <xf numFmtId="0" fontId="16" fillId="0" borderId="49" xfId="0" applyFont="1" applyFill="1" applyBorder="1" applyAlignment="1">
      <alignment horizontal="center" vertical="center"/>
    </xf>
    <xf numFmtId="0" fontId="16" fillId="0" borderId="57" xfId="0" applyFont="1" applyFill="1" applyBorder="1" applyAlignment="1">
      <alignment horizontal="center" vertical="center"/>
    </xf>
    <xf numFmtId="37" fontId="11" fillId="0" borderId="35" xfId="3" applyFont="1" applyFill="1" applyBorder="1" applyAlignment="1">
      <alignment horizontal="center" vertical="center" wrapText="1" justifyLastLine="1"/>
    </xf>
    <xf numFmtId="37" fontId="11" fillId="0" borderId="51" xfId="3" applyFont="1" applyFill="1" applyBorder="1" applyAlignment="1">
      <alignment horizontal="center" vertical="center" wrapText="1" justifyLastLine="1"/>
    </xf>
    <xf numFmtId="37" fontId="11" fillId="0" borderId="66" xfId="3" applyFont="1" applyFill="1" applyBorder="1" applyAlignment="1">
      <alignment horizontal="center" vertical="center" wrapText="1" justifyLastLine="1"/>
    </xf>
    <xf numFmtId="37" fontId="11" fillId="0" borderId="34" xfId="3" quotePrefix="1" applyFont="1" applyFill="1" applyBorder="1" applyAlignment="1" applyProtection="1">
      <alignment horizontal="left" vertical="center"/>
    </xf>
    <xf numFmtId="37" fontId="11" fillId="0" borderId="61" xfId="3" quotePrefix="1" applyFont="1" applyFill="1" applyBorder="1" applyAlignment="1" applyProtection="1">
      <alignment horizontal="left" vertical="center"/>
    </xf>
    <xf numFmtId="37" fontId="11" fillId="0" borderId="38" xfId="3" quotePrefix="1" applyFont="1" applyFill="1" applyBorder="1" applyAlignment="1" applyProtection="1">
      <alignment horizontal="right" vertical="center"/>
    </xf>
    <xf numFmtId="37" fontId="11" fillId="0" borderId="16" xfId="3" quotePrefix="1" applyFont="1" applyFill="1" applyBorder="1" applyAlignment="1" applyProtection="1">
      <alignment horizontal="right" vertical="center"/>
    </xf>
    <xf numFmtId="37" fontId="11" fillId="0" borderId="27" xfId="3" quotePrefix="1" applyFont="1" applyFill="1" applyBorder="1" applyAlignment="1" applyProtection="1">
      <alignment horizontal="center" vertical="center"/>
    </xf>
    <xf numFmtId="37" fontId="11" fillId="0" borderId="19" xfId="3" quotePrefix="1" applyFont="1" applyFill="1" applyBorder="1" applyAlignment="1" applyProtection="1">
      <alignment horizontal="center" vertical="center"/>
    </xf>
    <xf numFmtId="37" fontId="11" fillId="0" borderId="23" xfId="3" applyFont="1" applyFill="1" applyBorder="1" applyAlignment="1">
      <alignment horizontal="center" vertical="center"/>
    </xf>
    <xf numFmtId="37" fontId="11" fillId="0" borderId="49" xfId="3" applyFont="1" applyFill="1" applyBorder="1" applyAlignment="1">
      <alignment horizontal="center" vertical="center"/>
    </xf>
    <xf numFmtId="37" fontId="11" fillId="0" borderId="5" xfId="3" quotePrefix="1" applyFont="1" applyFill="1" applyBorder="1" applyAlignment="1" applyProtection="1">
      <alignment horizontal="center" vertical="center"/>
    </xf>
    <xf numFmtId="37" fontId="11" fillId="0" borderId="12" xfId="3" quotePrefix="1" applyFont="1" applyFill="1" applyBorder="1" applyAlignment="1" applyProtection="1">
      <alignment horizontal="center" vertical="center"/>
    </xf>
    <xf numFmtId="37" fontId="11" fillId="0" borderId="34" xfId="3" quotePrefix="1" applyFont="1" applyFill="1" applyBorder="1" applyAlignment="1" applyProtection="1">
      <alignment horizontal="center" vertical="center"/>
    </xf>
    <xf numFmtId="37" fontId="11" fillId="0" borderId="61" xfId="3" quotePrefix="1" applyFont="1" applyFill="1" applyBorder="1" applyAlignment="1" applyProtection="1">
      <alignment horizontal="center" vertical="center"/>
    </xf>
    <xf numFmtId="37" fontId="11" fillId="0" borderId="25" xfId="3" quotePrefix="1" applyFont="1" applyFill="1" applyBorder="1" applyAlignment="1" applyProtection="1">
      <alignment horizontal="right" vertical="center"/>
    </xf>
    <xf numFmtId="0" fontId="11" fillId="0" borderId="18" xfId="0" applyFont="1" applyFill="1" applyBorder="1" applyAlignment="1">
      <alignment horizontal="right" vertical="center"/>
    </xf>
    <xf numFmtId="37" fontId="11" fillId="0" borderId="95" xfId="3" applyFont="1" applyFill="1" applyBorder="1" applyAlignment="1" applyProtection="1">
      <alignment horizontal="distributed" justifyLastLine="1"/>
    </xf>
    <xf numFmtId="0" fontId="4" fillId="0" borderId="62" xfId="0" applyFont="1" applyFill="1" applyBorder="1" applyAlignment="1">
      <alignment horizontal="distributed" justifyLastLine="1"/>
    </xf>
    <xf numFmtId="37" fontId="17" fillId="0" borderId="27" xfId="3" applyFont="1" applyFill="1" applyBorder="1" applyAlignment="1" applyProtection="1">
      <alignment horizontal="distributed" vertical="center" wrapText="1" justifyLastLine="1"/>
    </xf>
    <xf numFmtId="0" fontId="17" fillId="0" borderId="28" xfId="0" applyFont="1" applyFill="1" applyBorder="1" applyAlignment="1">
      <alignment horizontal="distributed" vertical="center" wrapText="1" justifyLastLine="1"/>
    </xf>
    <xf numFmtId="0" fontId="17" fillId="0" borderId="19" xfId="0" applyFont="1" applyFill="1" applyBorder="1" applyAlignment="1">
      <alignment horizontal="distributed" vertical="center" wrapText="1" justifyLastLine="1"/>
    </xf>
    <xf numFmtId="37" fontId="11" fillId="0" borderId="97" xfId="3" applyFont="1" applyFill="1" applyBorder="1" applyAlignment="1">
      <alignment horizontal="distributed" vertical="center" justifyLastLine="1"/>
    </xf>
    <xf numFmtId="0" fontId="16" fillId="0" borderId="70" xfId="0" applyFont="1" applyFill="1" applyBorder="1" applyAlignment="1">
      <alignment horizontal="distributed" vertical="center" justifyLastLine="1"/>
    </xf>
    <xf numFmtId="0" fontId="16" fillId="0" borderId="47" xfId="0" applyFont="1" applyFill="1" applyBorder="1" applyAlignment="1">
      <alignment horizontal="distributed" vertical="center" justifyLastLine="1"/>
    </xf>
    <xf numFmtId="37" fontId="17" fillId="0" borderId="28" xfId="3" applyFont="1" applyFill="1" applyBorder="1" applyAlignment="1" applyProtection="1">
      <alignment horizontal="distributed" vertical="center" wrapText="1" justifyLastLine="1"/>
    </xf>
    <xf numFmtId="37" fontId="17" fillId="0" borderId="19" xfId="3" applyFont="1" applyFill="1" applyBorder="1" applyAlignment="1" applyProtection="1">
      <alignment horizontal="distributed" vertical="center" wrapText="1" justifyLastLine="1"/>
    </xf>
    <xf numFmtId="0" fontId="0" fillId="0" borderId="49" xfId="0" applyFill="1" applyBorder="1" applyAlignment="1">
      <alignment horizontal="center"/>
    </xf>
    <xf numFmtId="37" fontId="11" fillId="0" borderId="27" xfId="3" applyFont="1" applyFill="1" applyBorder="1" applyAlignment="1" applyProtection="1">
      <alignment horizontal="distributed" vertical="center" justifyLastLine="1"/>
    </xf>
    <xf numFmtId="37" fontId="11" fillId="0" borderId="19" xfId="3" applyFont="1" applyFill="1" applyBorder="1" applyAlignment="1" applyProtection="1">
      <alignment horizontal="distributed" vertical="center" justifyLastLine="1"/>
    </xf>
    <xf numFmtId="37" fontId="11" fillId="0" borderId="25" xfId="3" applyFont="1" applyFill="1" applyBorder="1" applyAlignment="1" applyProtection="1">
      <alignment horizontal="distributed" vertical="center" wrapText="1" justifyLastLine="1"/>
    </xf>
    <xf numFmtId="0" fontId="11" fillId="0" borderId="18" xfId="0" applyFont="1" applyFill="1" applyBorder="1" applyAlignment="1">
      <alignment horizontal="distributed" vertical="center" wrapText="1" justifyLastLine="1"/>
    </xf>
    <xf numFmtId="37" fontId="11" fillId="0" borderId="25" xfId="3" applyFont="1" applyFill="1" applyBorder="1" applyAlignment="1" applyProtection="1">
      <alignment horizontal="distributed" vertical="center" justifyLastLine="1"/>
    </xf>
    <xf numFmtId="37" fontId="11" fillId="0" borderId="18" xfId="3" applyFont="1" applyFill="1" applyBorder="1" applyAlignment="1" applyProtection="1">
      <alignment horizontal="distributed" vertical="center" justifyLastLine="1"/>
    </xf>
    <xf numFmtId="0" fontId="0" fillId="0" borderId="57" xfId="0" applyFill="1" applyBorder="1" applyAlignment="1">
      <alignment horizontal="center"/>
    </xf>
    <xf numFmtId="0" fontId="0" fillId="0" borderId="49" xfId="0" applyFill="1" applyBorder="1" applyAlignment="1"/>
    <xf numFmtId="0" fontId="0" fillId="0" borderId="4" xfId="0" applyFill="1" applyBorder="1" applyAlignment="1"/>
    <xf numFmtId="37" fontId="11" fillId="0" borderId="35" xfId="3" applyFont="1" applyFill="1" applyBorder="1" applyAlignment="1">
      <alignment horizontal="distributed" vertical="center" wrapText="1" justifyLastLine="1"/>
    </xf>
    <xf numFmtId="0" fontId="11" fillId="0" borderId="51" xfId="0" applyFont="1" applyFill="1" applyBorder="1" applyAlignment="1">
      <alignment horizontal="distributed" vertical="center" wrapText="1" justifyLastLine="1"/>
    </xf>
    <xf numFmtId="37" fontId="17" fillId="0" borderId="27" xfId="3" applyFont="1" applyFill="1" applyBorder="1" applyAlignment="1" applyProtection="1">
      <alignment horizontal="distributed" vertical="center" wrapText="1" justifyLastLine="1" shrinkToFit="1"/>
    </xf>
    <xf numFmtId="37" fontId="17" fillId="0" borderId="28" xfId="3" applyFont="1" applyFill="1" applyBorder="1" applyAlignment="1" applyProtection="1">
      <alignment horizontal="distributed" vertical="center" wrapText="1" justifyLastLine="1" shrinkToFit="1"/>
    </xf>
    <xf numFmtId="37" fontId="17" fillId="0" borderId="19" xfId="3" applyFont="1" applyFill="1" applyBorder="1" applyAlignment="1" applyProtection="1">
      <alignment horizontal="distributed" vertical="center" wrapText="1" justifyLastLine="1" shrinkToFit="1"/>
    </xf>
    <xf numFmtId="0" fontId="17" fillId="0" borderId="28" xfId="0" applyFont="1" applyFill="1" applyBorder="1" applyAlignment="1">
      <alignment horizontal="distributed" justifyLastLine="1"/>
    </xf>
    <xf numFmtId="0" fontId="17" fillId="0" borderId="19" xfId="0" applyFont="1" applyFill="1" applyBorder="1" applyAlignment="1">
      <alignment horizontal="distributed" justifyLastLine="1"/>
    </xf>
    <xf numFmtId="0" fontId="11" fillId="0" borderId="18" xfId="0" applyFont="1" applyFill="1" applyBorder="1" applyAlignment="1">
      <alignment vertical="center"/>
    </xf>
    <xf numFmtId="37" fontId="11" fillId="0" borderId="27" xfId="3" applyFont="1" applyFill="1" applyBorder="1" applyAlignment="1" applyProtection="1">
      <alignment horizontal="center" vertical="center" wrapText="1"/>
    </xf>
    <xf numFmtId="37" fontId="11" fillId="0" borderId="25" xfId="3" quotePrefix="1" applyFont="1" applyFill="1" applyBorder="1" applyAlignment="1" applyProtection="1">
      <alignment horizontal="center" vertical="center"/>
    </xf>
    <xf numFmtId="37" fontId="11" fillId="0" borderId="18" xfId="3" quotePrefix="1" applyFont="1" applyFill="1" applyBorder="1" applyAlignment="1" applyProtection="1">
      <alignment horizontal="center" vertical="center"/>
    </xf>
    <xf numFmtId="37" fontId="7" fillId="0" borderId="0" xfId="3" applyFont="1" applyFill="1" applyAlignment="1">
      <alignment horizontal="center"/>
    </xf>
  </cellXfs>
  <cellStyles count="17">
    <cellStyle name="パーセント" xfId="1" builtinId="5"/>
    <cellStyle name="パーセント 2" xfId="11"/>
    <cellStyle name="桁区切り" xfId="2" builtinId="6"/>
    <cellStyle name="桁区切り 2" xfId="12"/>
    <cellStyle name="桁区切り 3" xfId="16"/>
    <cellStyle name="標準" xfId="0" builtinId="0"/>
    <cellStyle name="標準 2" xfId="10"/>
    <cellStyle name="標準 3" xfId="9"/>
    <cellStyle name="標準 4" xfId="13"/>
    <cellStyle name="標準 5" xfId="15"/>
    <cellStyle name="標準_事04統13" xfId="3"/>
    <cellStyle name="標準_第１表_1" xfId="4"/>
    <cellStyle name="標準_第６表" xfId="5"/>
    <cellStyle name="標準_第７表" xfId="6"/>
    <cellStyle name="標準_第７表 (2)" xfId="7"/>
    <cellStyle name="標準_第８表" xfId="8"/>
    <cellStyle name="標準_単独集計" xfId="14"/>
  </cellStyles>
  <dxfs count="0"/>
  <tableStyles count="0" defaultTableStyle="TableStyleMedium9" defaultPivotStyle="PivotStyleLight16"/>
  <colors>
    <mruColors>
      <color rgb="FFCCECFF"/>
      <color rgb="FFCCFFCC"/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0</xdr:colOff>
      <xdr:row>9</xdr:row>
      <xdr:rowOff>0</xdr:rowOff>
    </xdr:from>
    <xdr:to>
      <xdr:col>10</xdr:col>
      <xdr:colOff>609600</xdr:colOff>
      <xdr:row>42</xdr:row>
      <xdr:rowOff>137160</xdr:rowOff>
    </xdr:to>
    <xdr:cxnSp macro="">
      <xdr:nvCxnSpPr>
        <xdr:cNvPr id="3" name="直線コネクタ 2"/>
        <xdr:cNvCxnSpPr/>
      </xdr:nvCxnSpPr>
      <xdr:spPr bwMode="auto">
        <a:xfrm flipH="1">
          <a:off x="2026920" y="1744980"/>
          <a:ext cx="6949440" cy="6423660"/>
        </a:xfrm>
        <a:prstGeom prst="line">
          <a:avLst/>
        </a:prstGeom>
        <a:solidFill>
          <a:srgbClr val="FFFFFF"/>
        </a:solidFill>
        <a:ln w="6350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28575</xdr:colOff>
      <xdr:row>2</xdr:row>
      <xdr:rowOff>0</xdr:rowOff>
    </xdr:from>
    <xdr:to>
      <xdr:col>2</xdr:col>
      <xdr:colOff>19050</xdr:colOff>
      <xdr:row>5</xdr:row>
      <xdr:rowOff>0</xdr:rowOff>
    </xdr:to>
    <xdr:sp macro="" textlink="">
      <xdr:nvSpPr>
        <xdr:cNvPr id="2067" name="Line 1"/>
        <xdr:cNvSpPr>
          <a:spLocks noChangeShapeType="1"/>
        </xdr:cNvSpPr>
      </xdr:nvSpPr>
      <xdr:spPr bwMode="auto">
        <a:xfrm>
          <a:off x="28575" y="292100"/>
          <a:ext cx="930275" cy="558800"/>
        </a:xfrm>
        <a:prstGeom prst="line">
          <a:avLst/>
        </a:prstGeom>
        <a:noFill/>
        <a:ln w="1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03"/>
  <sheetViews>
    <sheetView tabSelected="1" zoomScaleNormal="100" zoomScaleSheetLayoutView="100" workbookViewId="0"/>
  </sheetViews>
  <sheetFormatPr defaultColWidth="9" defaultRowHeight="10.8" x14ac:dyDescent="0.15"/>
  <cols>
    <col min="1" max="1" width="3.33203125" style="408" customWidth="1"/>
    <col min="2" max="2" width="4.44140625" style="408" customWidth="1"/>
    <col min="3" max="3" width="7.33203125" style="408" customWidth="1"/>
    <col min="4" max="4" width="11.77734375" style="408" customWidth="1"/>
    <col min="5" max="9" width="13.77734375" style="408" customWidth="1"/>
    <col min="10" max="15" width="6.6640625" style="408" customWidth="1"/>
    <col min="16" max="16" width="1.6640625" style="408" customWidth="1"/>
    <col min="17" max="17" width="12.109375" style="408" customWidth="1"/>
    <col min="18" max="20" width="14.44140625" style="408" bestFit="1" customWidth="1"/>
    <col min="21" max="24" width="9.109375" style="408" bestFit="1" customWidth="1"/>
    <col min="25" max="16384" width="9" style="408"/>
  </cols>
  <sheetData>
    <row r="1" spans="1:25" ht="10.199999999999999" customHeight="1" x14ac:dyDescent="0.15"/>
    <row r="2" spans="1:25" s="322" customFormat="1" ht="15" customHeight="1" x14ac:dyDescent="0.2">
      <c r="A2" s="1169" t="s">
        <v>42</v>
      </c>
      <c r="B2" s="1170"/>
      <c r="C2" s="1171"/>
      <c r="D2" s="1171"/>
      <c r="E2" s="1171"/>
      <c r="F2" s="1171"/>
      <c r="G2" s="1171"/>
      <c r="H2" s="1171"/>
      <c r="I2" s="1171"/>
      <c r="J2" s="373"/>
      <c r="K2" s="373"/>
      <c r="L2" s="373"/>
      <c r="M2" s="373"/>
      <c r="N2" s="373"/>
      <c r="O2" s="373"/>
      <c r="P2" s="373"/>
      <c r="Q2" s="373"/>
      <c r="R2" s="373"/>
      <c r="S2" s="373"/>
      <c r="T2" s="373"/>
      <c r="U2" s="373"/>
      <c r="V2" s="373"/>
      <c r="W2" s="373"/>
      <c r="X2" s="373"/>
      <c r="Y2" s="373"/>
    </row>
    <row r="3" spans="1:25" s="322" customFormat="1" ht="15" customHeight="1" x14ac:dyDescent="0.2">
      <c r="A3" s="445" t="s">
        <v>496</v>
      </c>
      <c r="B3" s="1172"/>
      <c r="J3" s="323"/>
      <c r="K3" s="323"/>
      <c r="L3" s="323"/>
      <c r="M3" s="323"/>
      <c r="N3" s="323"/>
      <c r="O3" s="323"/>
    </row>
    <row r="4" spans="1:25" s="322" customFormat="1" ht="10.199999999999999" customHeight="1" thickBot="1" x14ac:dyDescent="0.25">
      <c r="A4" s="446"/>
      <c r="B4" s="1172"/>
      <c r="J4" s="323"/>
      <c r="K4" s="323"/>
      <c r="L4" s="323"/>
      <c r="M4" s="323"/>
      <c r="N4" s="323"/>
      <c r="O4" s="323"/>
    </row>
    <row r="5" spans="1:25" s="322" customFormat="1" ht="19.95" customHeight="1" x14ac:dyDescent="0.2">
      <c r="A5" s="1444" t="s">
        <v>43</v>
      </c>
      <c r="B5" s="1459"/>
      <c r="C5" s="1459"/>
      <c r="D5" s="1460"/>
      <c r="E5" s="729"/>
      <c r="F5" s="729" t="s">
        <v>589</v>
      </c>
      <c r="G5" s="729"/>
      <c r="H5" s="324" t="s">
        <v>505</v>
      </c>
      <c r="I5" s="324" t="s">
        <v>441</v>
      </c>
      <c r="J5" s="1457" t="s">
        <v>44</v>
      </c>
      <c r="K5" s="1458"/>
      <c r="L5" s="1466"/>
      <c r="M5" s="1443" t="s">
        <v>359</v>
      </c>
      <c r="N5" s="1391"/>
      <c r="O5" s="1392"/>
      <c r="P5" s="1173"/>
    </row>
    <row r="6" spans="1:25" s="322" customFormat="1" ht="19.95" customHeight="1" x14ac:dyDescent="0.2">
      <c r="A6" s="1461"/>
      <c r="B6" s="1462"/>
      <c r="C6" s="1462"/>
      <c r="D6" s="1463"/>
      <c r="E6" s="259" t="s">
        <v>440</v>
      </c>
      <c r="F6" s="728" t="s">
        <v>457</v>
      </c>
      <c r="G6" s="726" t="s">
        <v>458</v>
      </c>
      <c r="H6" s="232" t="s">
        <v>46</v>
      </c>
      <c r="I6" s="232" t="s">
        <v>46</v>
      </c>
      <c r="J6" s="325" t="s">
        <v>585</v>
      </c>
      <c r="K6" s="326" t="s">
        <v>586</v>
      </c>
      <c r="L6" s="326" t="s">
        <v>584</v>
      </c>
      <c r="M6" s="327" t="s">
        <v>587</v>
      </c>
      <c r="N6" s="328" t="s">
        <v>588</v>
      </c>
      <c r="O6" s="329" t="s">
        <v>503</v>
      </c>
      <c r="P6" s="1173"/>
    </row>
    <row r="7" spans="1:25" s="322" customFormat="1" ht="25.2" customHeight="1" x14ac:dyDescent="0.2">
      <c r="A7" s="1441" t="s">
        <v>570</v>
      </c>
      <c r="B7" s="1440"/>
      <c r="C7" s="1440"/>
      <c r="D7" s="1440"/>
      <c r="E7" s="330">
        <v>207605255622</v>
      </c>
      <c r="F7" s="330">
        <v>186067595347</v>
      </c>
      <c r="G7" s="330">
        <v>21537660275</v>
      </c>
      <c r="H7" s="331">
        <v>214401771172</v>
      </c>
      <c r="I7" s="331">
        <v>220588306900</v>
      </c>
      <c r="J7" s="294">
        <v>0.96799999999999997</v>
      </c>
      <c r="K7" s="294">
        <v>0.97199999999999998</v>
      </c>
      <c r="L7" s="294">
        <v>0.98399999999999999</v>
      </c>
      <c r="M7" s="332">
        <v>0.2412</v>
      </c>
      <c r="N7" s="295">
        <v>0.23780000000000001</v>
      </c>
      <c r="O7" s="735">
        <v>0.2354</v>
      </c>
      <c r="P7" s="1173"/>
    </row>
    <row r="8" spans="1:25" s="322" customFormat="1" ht="25.2" customHeight="1" x14ac:dyDescent="0.2">
      <c r="A8" s="1415" t="s">
        <v>233</v>
      </c>
      <c r="B8" s="1453" t="s">
        <v>177</v>
      </c>
      <c r="C8" s="1454"/>
      <c r="D8" s="1455"/>
      <c r="E8" s="1174">
        <v>125759351</v>
      </c>
      <c r="F8" s="1393"/>
      <c r="G8" s="333">
        <v>125759351</v>
      </c>
      <c r="H8" s="334">
        <v>128996561</v>
      </c>
      <c r="I8" s="334">
        <v>132271718</v>
      </c>
      <c r="J8" s="335">
        <v>0.97499999999999998</v>
      </c>
      <c r="K8" s="335">
        <v>0.97499999999999998</v>
      </c>
      <c r="L8" s="335">
        <v>0.97199999999999998</v>
      </c>
      <c r="M8" s="336">
        <v>1E-4</v>
      </c>
      <c r="N8" s="258">
        <v>1E-4</v>
      </c>
      <c r="O8" s="735">
        <v>1E-4</v>
      </c>
      <c r="P8" s="1173"/>
    </row>
    <row r="9" spans="1:25" s="322" customFormat="1" ht="25.2" customHeight="1" x14ac:dyDescent="0.2">
      <c r="A9" s="1415"/>
      <c r="B9" s="723" t="s">
        <v>178</v>
      </c>
      <c r="C9" s="292"/>
      <c r="D9" s="292"/>
      <c r="E9" s="330">
        <v>17123777945</v>
      </c>
      <c r="F9" s="1394"/>
      <c r="G9" s="337">
        <v>17123777945</v>
      </c>
      <c r="H9" s="331">
        <v>15770568654</v>
      </c>
      <c r="I9" s="331">
        <v>15418441150</v>
      </c>
      <c r="J9" s="294">
        <v>1.0860000000000001</v>
      </c>
      <c r="K9" s="294">
        <v>1.0229999999999999</v>
      </c>
      <c r="L9" s="294">
        <v>9.1999999999999998E-2</v>
      </c>
      <c r="M9" s="332">
        <v>1.9900000000000001E-2</v>
      </c>
      <c r="N9" s="295">
        <v>1.7500000000000002E-2</v>
      </c>
      <c r="O9" s="735">
        <v>1.6500000000000001E-2</v>
      </c>
      <c r="P9" s="1173"/>
    </row>
    <row r="10" spans="1:25" s="322" customFormat="1" ht="25.2" customHeight="1" x14ac:dyDescent="0.2">
      <c r="A10" s="1415"/>
      <c r="B10" s="723" t="s">
        <v>166</v>
      </c>
      <c r="C10" s="1175"/>
      <c r="D10" s="1175"/>
      <c r="E10" s="330">
        <v>175120000</v>
      </c>
      <c r="F10" s="1394"/>
      <c r="G10" s="337">
        <v>175120000</v>
      </c>
      <c r="H10" s="331">
        <v>173750000</v>
      </c>
      <c r="I10" s="331">
        <v>174112000</v>
      </c>
      <c r="J10" s="294">
        <v>1.008</v>
      </c>
      <c r="K10" s="294">
        <v>0.998</v>
      </c>
      <c r="L10" s="294">
        <v>3.1E-2</v>
      </c>
      <c r="M10" s="332">
        <v>2.0000000000000001E-4</v>
      </c>
      <c r="N10" s="295">
        <v>2.0000000000000001E-4</v>
      </c>
      <c r="O10" s="735">
        <v>2.0000000000000001E-4</v>
      </c>
      <c r="P10" s="1173"/>
    </row>
    <row r="11" spans="1:25" s="322" customFormat="1" ht="25.2" customHeight="1" x14ac:dyDescent="0.2">
      <c r="A11" s="1415"/>
      <c r="B11" s="1439" t="s">
        <v>270</v>
      </c>
      <c r="C11" s="1440"/>
      <c r="D11" s="1440"/>
      <c r="E11" s="330">
        <v>26664000</v>
      </c>
      <c r="F11" s="1394"/>
      <c r="G11" s="330">
        <v>26664000</v>
      </c>
      <c r="H11" s="331">
        <v>27680000</v>
      </c>
      <c r="I11" s="331">
        <v>30665000</v>
      </c>
      <c r="J11" s="294">
        <v>0.96299999999999997</v>
      </c>
      <c r="K11" s="338">
        <v>0.90300000000000002</v>
      </c>
      <c r="L11" s="338">
        <v>3.4000000000000002E-2</v>
      </c>
      <c r="M11" s="332">
        <v>0</v>
      </c>
      <c r="N11" s="295">
        <v>0</v>
      </c>
      <c r="O11" s="735">
        <v>0</v>
      </c>
      <c r="P11" s="1173"/>
    </row>
    <row r="12" spans="1:25" s="322" customFormat="1" ht="25.2" customHeight="1" x14ac:dyDescent="0.2">
      <c r="A12" s="1415"/>
      <c r="B12" s="723" t="s">
        <v>167</v>
      </c>
      <c r="C12" s="292"/>
      <c r="D12" s="292"/>
      <c r="E12" s="330">
        <v>0</v>
      </c>
      <c r="F12" s="1394"/>
      <c r="G12" s="293">
        <v>0</v>
      </c>
      <c r="H12" s="331">
        <v>0</v>
      </c>
      <c r="I12" s="331">
        <v>0</v>
      </c>
      <c r="J12" s="339" t="s">
        <v>477</v>
      </c>
      <c r="K12" s="339" t="s">
        <v>477</v>
      </c>
      <c r="L12" s="294">
        <v>0</v>
      </c>
      <c r="M12" s="332">
        <v>0</v>
      </c>
      <c r="N12" s="295">
        <v>0</v>
      </c>
      <c r="O12" s="735">
        <v>0</v>
      </c>
      <c r="P12" s="1173"/>
    </row>
    <row r="13" spans="1:25" s="322" customFormat="1" ht="25.2" customHeight="1" x14ac:dyDescent="0.2">
      <c r="A13" s="1415"/>
      <c r="B13" s="723" t="s">
        <v>168</v>
      </c>
      <c r="C13" s="292"/>
      <c r="D13" s="292"/>
      <c r="E13" s="330">
        <v>0</v>
      </c>
      <c r="F13" s="1394"/>
      <c r="G13" s="293">
        <v>0</v>
      </c>
      <c r="H13" s="331">
        <v>0</v>
      </c>
      <c r="I13" s="331">
        <v>0</v>
      </c>
      <c r="J13" s="339" t="s">
        <v>477</v>
      </c>
      <c r="K13" s="339" t="s">
        <v>477</v>
      </c>
      <c r="L13" s="294">
        <v>0</v>
      </c>
      <c r="M13" s="332">
        <v>0</v>
      </c>
      <c r="N13" s="295">
        <v>0</v>
      </c>
      <c r="O13" s="735">
        <v>0</v>
      </c>
      <c r="P13" s="1173"/>
    </row>
    <row r="14" spans="1:25" s="322" customFormat="1" ht="25.2" customHeight="1" x14ac:dyDescent="0.2">
      <c r="A14" s="1415"/>
      <c r="B14" s="723" t="s">
        <v>169</v>
      </c>
      <c r="C14" s="292"/>
      <c r="D14" s="292"/>
      <c r="E14" s="354">
        <v>111260000</v>
      </c>
      <c r="F14" s="1394"/>
      <c r="G14" s="340">
        <v>111260000</v>
      </c>
      <c r="H14" s="341">
        <v>127407000</v>
      </c>
      <c r="I14" s="341">
        <v>137470000</v>
      </c>
      <c r="J14" s="294">
        <v>0.873</v>
      </c>
      <c r="K14" s="338">
        <v>0.92700000000000005</v>
      </c>
      <c r="L14" s="342">
        <v>0.16300000000000001</v>
      </c>
      <c r="M14" s="343">
        <v>1E-4</v>
      </c>
      <c r="N14" s="344">
        <v>1E-4</v>
      </c>
      <c r="O14" s="735">
        <v>1E-4</v>
      </c>
      <c r="P14" s="1173"/>
    </row>
    <row r="15" spans="1:25" s="322" customFormat="1" ht="25.2" customHeight="1" x14ac:dyDescent="0.2">
      <c r="A15" s="1415"/>
      <c r="B15" s="723" t="s">
        <v>517</v>
      </c>
      <c r="C15" s="1175"/>
      <c r="D15" s="1176"/>
      <c r="E15" s="330">
        <v>4757934000</v>
      </c>
      <c r="F15" s="345">
        <v>2591717000</v>
      </c>
      <c r="G15" s="337">
        <v>2166217000</v>
      </c>
      <c r="H15" s="331">
        <v>68857000</v>
      </c>
      <c r="I15" s="331">
        <v>0</v>
      </c>
      <c r="J15" s="294">
        <v>69.099000000000004</v>
      </c>
      <c r="K15" s="338" t="e">
        <v>#DIV/0!</v>
      </c>
      <c r="L15" s="339" t="s">
        <v>504</v>
      </c>
      <c r="M15" s="332">
        <v>5.4999999999999997E-3</v>
      </c>
      <c r="N15" s="295">
        <v>1E-4</v>
      </c>
      <c r="O15" s="735">
        <v>0</v>
      </c>
      <c r="P15" s="1173"/>
    </row>
    <row r="16" spans="1:25" s="322" customFormat="1" ht="25.2" customHeight="1" x14ac:dyDescent="0.2">
      <c r="A16" s="1416"/>
      <c r="B16" s="1397" t="s">
        <v>41</v>
      </c>
      <c r="C16" s="1464"/>
      <c r="D16" s="1465"/>
      <c r="E16" s="330">
        <v>22320515296</v>
      </c>
      <c r="F16" s="330">
        <v>2591717000</v>
      </c>
      <c r="G16" s="330">
        <v>19728798296</v>
      </c>
      <c r="H16" s="346">
        <v>16297259215</v>
      </c>
      <c r="I16" s="346">
        <v>15908871868</v>
      </c>
      <c r="J16" s="294">
        <v>1.37</v>
      </c>
      <c r="K16" s="338">
        <v>1.024</v>
      </c>
      <c r="L16" s="338">
        <v>8.1000000000000003E-2</v>
      </c>
      <c r="M16" s="332">
        <v>2.5899999999999999E-2</v>
      </c>
      <c r="N16" s="295">
        <v>1.8100000000000002E-2</v>
      </c>
      <c r="O16" s="735">
        <v>1.7000000000000001E-2</v>
      </c>
      <c r="P16" s="1173"/>
    </row>
    <row r="17" spans="1:16" s="322" customFormat="1" ht="25.2" customHeight="1" x14ac:dyDescent="0.2">
      <c r="A17" s="1467" t="s">
        <v>571</v>
      </c>
      <c r="B17" s="1468"/>
      <c r="C17" s="1468"/>
      <c r="D17" s="1468"/>
      <c r="E17" s="347" t="s">
        <v>477</v>
      </c>
      <c r="F17" s="347" t="s">
        <v>523</v>
      </c>
      <c r="G17" s="347" t="s">
        <v>606</v>
      </c>
      <c r="H17" s="347" t="s">
        <v>605</v>
      </c>
      <c r="I17" s="347" t="s">
        <v>477</v>
      </c>
      <c r="J17" s="339" t="s">
        <v>477</v>
      </c>
      <c r="K17" s="339" t="s">
        <v>477</v>
      </c>
      <c r="L17" s="294">
        <v>0</v>
      </c>
      <c r="M17" s="339" t="s">
        <v>477</v>
      </c>
      <c r="N17" s="339" t="s">
        <v>477</v>
      </c>
      <c r="O17" s="736" t="s">
        <v>477</v>
      </c>
      <c r="P17" s="1173"/>
    </row>
    <row r="18" spans="1:16" s="322" customFormat="1" ht="25.2" customHeight="1" x14ac:dyDescent="0.2">
      <c r="A18" s="1450" t="s">
        <v>268</v>
      </c>
      <c r="B18" s="1451"/>
      <c r="C18" s="1451"/>
      <c r="D18" s="1452"/>
      <c r="E18" s="330">
        <v>496610</v>
      </c>
      <c r="F18" s="347" t="s">
        <v>522</v>
      </c>
      <c r="G18" s="331">
        <v>496610</v>
      </c>
      <c r="H18" s="331">
        <v>0</v>
      </c>
      <c r="I18" s="331">
        <v>135788135</v>
      </c>
      <c r="J18" s="339" t="s">
        <v>477</v>
      </c>
      <c r="K18" s="338">
        <v>0</v>
      </c>
      <c r="L18" s="348">
        <v>1E-3</v>
      </c>
      <c r="M18" s="349">
        <v>0</v>
      </c>
      <c r="N18" s="256">
        <v>0</v>
      </c>
      <c r="O18" s="735">
        <v>1E-4</v>
      </c>
      <c r="P18" s="1173"/>
    </row>
    <row r="19" spans="1:16" s="322" customFormat="1" ht="25.2" customHeight="1" x14ac:dyDescent="0.2">
      <c r="A19" s="1473" t="s">
        <v>164</v>
      </c>
      <c r="B19" s="296" t="s">
        <v>166</v>
      </c>
      <c r="C19" s="297"/>
      <c r="D19" s="297"/>
      <c r="E19" s="350" t="s">
        <v>523</v>
      </c>
      <c r="F19" s="350" t="s">
        <v>523</v>
      </c>
      <c r="G19" s="350" t="s">
        <v>523</v>
      </c>
      <c r="H19" s="350" t="s">
        <v>504</v>
      </c>
      <c r="I19" s="350" t="s">
        <v>504</v>
      </c>
      <c r="J19" s="339" t="s">
        <v>477</v>
      </c>
      <c r="K19" s="339" t="s">
        <v>477</v>
      </c>
      <c r="L19" s="294">
        <v>0</v>
      </c>
      <c r="M19" s="339" t="s">
        <v>477</v>
      </c>
      <c r="N19" s="339" t="s">
        <v>477</v>
      </c>
      <c r="O19" s="736" t="s">
        <v>477</v>
      </c>
      <c r="P19" s="1173"/>
    </row>
    <row r="20" spans="1:16" s="322" customFormat="1" ht="25.2" customHeight="1" x14ac:dyDescent="0.2">
      <c r="A20" s="1474"/>
      <c r="B20" s="1469" t="s">
        <v>265</v>
      </c>
      <c r="C20" s="1470"/>
      <c r="D20" s="1470"/>
      <c r="E20" s="351" t="s">
        <v>522</v>
      </c>
      <c r="F20" s="351" t="s">
        <v>522</v>
      </c>
      <c r="G20" s="351" t="s">
        <v>522</v>
      </c>
      <c r="H20" s="351" t="s">
        <v>504</v>
      </c>
      <c r="I20" s="351" t="s">
        <v>504</v>
      </c>
      <c r="J20" s="339" t="s">
        <v>477</v>
      </c>
      <c r="K20" s="339" t="s">
        <v>477</v>
      </c>
      <c r="L20" s="352" t="s">
        <v>504</v>
      </c>
      <c r="M20" s="339" t="s">
        <v>477</v>
      </c>
      <c r="N20" s="339" t="s">
        <v>477</v>
      </c>
      <c r="O20" s="736" t="s">
        <v>477</v>
      </c>
      <c r="P20" s="1173"/>
    </row>
    <row r="21" spans="1:16" s="322" customFormat="1" ht="25.2" customHeight="1" x14ac:dyDescent="0.2">
      <c r="A21" s="1474"/>
      <c r="B21" s="1456" t="s">
        <v>443</v>
      </c>
      <c r="C21" s="1451"/>
      <c r="D21" s="1452"/>
      <c r="E21" s="330">
        <v>527160203239</v>
      </c>
      <c r="F21" s="330">
        <v>527160203239</v>
      </c>
      <c r="G21" s="351" t="s">
        <v>522</v>
      </c>
      <c r="H21" s="331">
        <v>555356763236</v>
      </c>
      <c r="I21" s="331">
        <v>561726966822</v>
      </c>
      <c r="J21" s="294">
        <v>0.94899999999999995</v>
      </c>
      <c r="K21" s="338">
        <v>0.98899999999999999</v>
      </c>
      <c r="L21" s="352" t="s">
        <v>504</v>
      </c>
      <c r="M21" s="332">
        <v>0.61250000000000004</v>
      </c>
      <c r="N21" s="332">
        <v>0.6159</v>
      </c>
      <c r="O21" s="735">
        <v>0.59950000000000003</v>
      </c>
      <c r="P21" s="1173"/>
    </row>
    <row r="22" spans="1:16" s="322" customFormat="1" ht="25.2" customHeight="1" x14ac:dyDescent="0.2">
      <c r="A22" s="1474"/>
      <c r="B22" s="1417" t="s">
        <v>446</v>
      </c>
      <c r="C22" s="722" t="s">
        <v>447</v>
      </c>
      <c r="D22" s="722"/>
      <c r="E22" s="330">
        <v>2610606000</v>
      </c>
      <c r="F22" s="330">
        <v>2610606000</v>
      </c>
      <c r="G22" s="351" t="s">
        <v>522</v>
      </c>
      <c r="H22" s="331">
        <v>2665582000</v>
      </c>
      <c r="I22" s="331">
        <v>2278747000</v>
      </c>
      <c r="J22" s="294">
        <v>0.97899999999999998</v>
      </c>
      <c r="K22" s="338">
        <v>1.17</v>
      </c>
      <c r="L22" s="352" t="s">
        <v>504</v>
      </c>
      <c r="M22" s="332">
        <v>3.0000000000000001E-3</v>
      </c>
      <c r="N22" s="332">
        <v>3.0000000000000001E-3</v>
      </c>
      <c r="O22" s="735">
        <v>2.3999999999999998E-3</v>
      </c>
      <c r="P22" s="1173"/>
    </row>
    <row r="23" spans="1:16" s="322" customFormat="1" ht="25.2" customHeight="1" x14ac:dyDescent="0.2">
      <c r="A23" s="1474"/>
      <c r="B23" s="1418"/>
      <c r="C23" s="722" t="s">
        <v>489</v>
      </c>
      <c r="D23" s="722"/>
      <c r="E23" s="330">
        <v>3879194000</v>
      </c>
      <c r="F23" s="330">
        <v>3879194000</v>
      </c>
      <c r="G23" s="351" t="s">
        <v>522</v>
      </c>
      <c r="H23" s="331">
        <v>2500339000</v>
      </c>
      <c r="I23" s="331">
        <v>3007321000</v>
      </c>
      <c r="J23" s="294">
        <v>1.5509999999999999</v>
      </c>
      <c r="K23" s="338">
        <v>0.83099999999999996</v>
      </c>
      <c r="L23" s="352" t="s">
        <v>504</v>
      </c>
      <c r="M23" s="332">
        <v>4.4999999999999997E-3</v>
      </c>
      <c r="N23" s="332">
        <v>2.8E-3</v>
      </c>
      <c r="O23" s="735">
        <v>3.2000000000000002E-3</v>
      </c>
      <c r="P23" s="1173"/>
    </row>
    <row r="24" spans="1:16" s="322" customFormat="1" ht="25.2" customHeight="1" x14ac:dyDescent="0.2">
      <c r="A24" s="1474"/>
      <c r="B24" s="1418"/>
      <c r="C24" s="1472" t="s">
        <v>518</v>
      </c>
      <c r="D24" s="1472"/>
      <c r="E24" s="330">
        <v>4279091000</v>
      </c>
      <c r="F24" s="330">
        <v>4279091000</v>
      </c>
      <c r="G24" s="351" t="s">
        <v>522</v>
      </c>
      <c r="H24" s="331">
        <v>4535500000</v>
      </c>
      <c r="I24" s="331">
        <v>4542101000</v>
      </c>
      <c r="J24" s="294">
        <v>0.94299999999999995</v>
      </c>
      <c r="K24" s="338">
        <v>0.999</v>
      </c>
      <c r="L24" s="338">
        <v>0.33300000000000002</v>
      </c>
      <c r="M24" s="332">
        <v>5.0000000000000001E-3</v>
      </c>
      <c r="N24" s="353">
        <v>5.0000000000000001E-3</v>
      </c>
      <c r="O24" s="735">
        <v>4.7999999999999996E-3</v>
      </c>
      <c r="P24" s="1173"/>
    </row>
    <row r="25" spans="1:16" s="322" customFormat="1" ht="25.2" customHeight="1" x14ac:dyDescent="0.2">
      <c r="A25" s="1474"/>
      <c r="B25" s="1419"/>
      <c r="C25" s="298" t="s">
        <v>445</v>
      </c>
      <c r="D25" s="298"/>
      <c r="E25" s="354">
        <v>1463496000</v>
      </c>
      <c r="F25" s="354">
        <v>1459201000</v>
      </c>
      <c r="G25" s="354">
        <v>4295000</v>
      </c>
      <c r="H25" s="341">
        <v>1556565000</v>
      </c>
      <c r="I25" s="341">
        <v>1683061000</v>
      </c>
      <c r="J25" s="294">
        <v>0.94</v>
      </c>
      <c r="K25" s="338">
        <v>0.92500000000000004</v>
      </c>
      <c r="L25" s="355">
        <v>2.2229999999999999</v>
      </c>
      <c r="M25" s="343">
        <v>1.6999999999999999E-3</v>
      </c>
      <c r="N25" s="356">
        <v>1.6999999999999999E-3</v>
      </c>
      <c r="O25" s="735">
        <v>1.8E-3</v>
      </c>
      <c r="P25" s="1173"/>
    </row>
    <row r="26" spans="1:16" s="322" customFormat="1" ht="25.2" customHeight="1" x14ac:dyDescent="0.2">
      <c r="A26" s="1474"/>
      <c r="B26" s="1471" t="s">
        <v>444</v>
      </c>
      <c r="C26" s="1472"/>
      <c r="D26" s="1472"/>
      <c r="E26" s="300" t="s">
        <v>477</v>
      </c>
      <c r="F26" s="300" t="s">
        <v>477</v>
      </c>
      <c r="G26" s="351" t="s">
        <v>522</v>
      </c>
      <c r="H26" s="300" t="s">
        <v>477</v>
      </c>
      <c r="I26" s="300" t="s">
        <v>477</v>
      </c>
      <c r="J26" s="339" t="s">
        <v>477</v>
      </c>
      <c r="K26" s="339" t="s">
        <v>477</v>
      </c>
      <c r="L26" s="294">
        <v>0</v>
      </c>
      <c r="M26" s="339" t="s">
        <v>477</v>
      </c>
      <c r="N26" s="339" t="s">
        <v>477</v>
      </c>
      <c r="O26" s="736" t="s">
        <v>477</v>
      </c>
      <c r="P26" s="1173"/>
    </row>
    <row r="27" spans="1:16" s="322" customFormat="1" ht="25.2" customHeight="1" x14ac:dyDescent="0.2">
      <c r="A27" s="1475"/>
      <c r="B27" s="1439" t="s">
        <v>170</v>
      </c>
      <c r="C27" s="1440"/>
      <c r="D27" s="1442"/>
      <c r="E27" s="330">
        <v>85024774</v>
      </c>
      <c r="F27" s="337">
        <v>61588774</v>
      </c>
      <c r="G27" s="337">
        <v>23436000</v>
      </c>
      <c r="H27" s="331">
        <v>27037000</v>
      </c>
      <c r="I27" s="331">
        <v>28772000</v>
      </c>
      <c r="J27" s="294">
        <v>3.145</v>
      </c>
      <c r="K27" s="338">
        <v>0.94</v>
      </c>
      <c r="L27" s="338">
        <v>0.70799999999999996</v>
      </c>
      <c r="M27" s="332">
        <v>1E-4</v>
      </c>
      <c r="N27" s="353">
        <v>0</v>
      </c>
      <c r="O27" s="735">
        <v>0</v>
      </c>
      <c r="P27" s="1173"/>
    </row>
    <row r="28" spans="1:16" s="322" customFormat="1" ht="25.2" customHeight="1" x14ac:dyDescent="0.2">
      <c r="A28" s="1441" t="s">
        <v>569</v>
      </c>
      <c r="B28" s="1440"/>
      <c r="C28" s="1440"/>
      <c r="D28" s="1442"/>
      <c r="E28" s="300" t="s">
        <v>477</v>
      </c>
      <c r="F28" s="300" t="s">
        <v>477</v>
      </c>
      <c r="G28" s="300" t="s">
        <v>522</v>
      </c>
      <c r="H28" s="300" t="s">
        <v>477</v>
      </c>
      <c r="I28" s="300" t="s">
        <v>477</v>
      </c>
      <c r="J28" s="339" t="s">
        <v>477</v>
      </c>
      <c r="K28" s="339" t="s">
        <v>477</v>
      </c>
      <c r="L28" s="294">
        <v>0</v>
      </c>
      <c r="M28" s="339" t="s">
        <v>477</v>
      </c>
      <c r="N28" s="339" t="s">
        <v>477</v>
      </c>
      <c r="O28" s="736" t="s">
        <v>477</v>
      </c>
      <c r="P28" s="1173"/>
    </row>
    <row r="29" spans="1:16" s="322" customFormat="1" ht="25.2" customHeight="1" x14ac:dyDescent="0.2">
      <c r="A29" s="1426" t="s">
        <v>267</v>
      </c>
      <c r="B29" s="1427"/>
      <c r="C29" s="1439" t="s">
        <v>300</v>
      </c>
      <c r="D29" s="1440"/>
      <c r="E29" s="330">
        <v>853168000</v>
      </c>
      <c r="F29" s="357">
        <v>0</v>
      </c>
      <c r="G29" s="330">
        <v>853168000</v>
      </c>
      <c r="H29" s="331">
        <v>991704000</v>
      </c>
      <c r="I29" s="331">
        <v>922821000</v>
      </c>
      <c r="J29" s="294">
        <v>0.86</v>
      </c>
      <c r="K29" s="338">
        <v>1.075</v>
      </c>
      <c r="L29" s="338">
        <v>4.2999999999999997E-2</v>
      </c>
      <c r="M29" s="332">
        <v>1E-3</v>
      </c>
      <c r="N29" s="295">
        <v>1.1000000000000001E-3</v>
      </c>
      <c r="O29" s="735">
        <v>1E-3</v>
      </c>
      <c r="P29" s="1173"/>
    </row>
    <row r="30" spans="1:16" s="322" customFormat="1" ht="25.2" customHeight="1" x14ac:dyDescent="0.2">
      <c r="A30" s="1428"/>
      <c r="B30" s="1429"/>
      <c r="C30" s="1439" t="s">
        <v>301</v>
      </c>
      <c r="D30" s="1440"/>
      <c r="E30" s="351" t="s">
        <v>523</v>
      </c>
      <c r="F30" s="351" t="s">
        <v>523</v>
      </c>
      <c r="G30" s="351" t="s">
        <v>523</v>
      </c>
      <c r="H30" s="351" t="s">
        <v>504</v>
      </c>
      <c r="I30" s="351" t="s">
        <v>504</v>
      </c>
      <c r="J30" s="339" t="s">
        <v>477</v>
      </c>
      <c r="K30" s="339" t="s">
        <v>477</v>
      </c>
      <c r="L30" s="338" t="s">
        <v>504</v>
      </c>
      <c r="M30" s="332">
        <v>0</v>
      </c>
      <c r="N30" s="295">
        <v>0</v>
      </c>
      <c r="O30" s="736" t="s">
        <v>477</v>
      </c>
      <c r="P30" s="1173"/>
    </row>
    <row r="31" spans="1:16" s="322" customFormat="1" ht="25.2" customHeight="1" x14ac:dyDescent="0.2">
      <c r="A31" s="1415" t="s">
        <v>151</v>
      </c>
      <c r="B31" s="1417" t="s">
        <v>165</v>
      </c>
      <c r="C31" s="1420" t="s">
        <v>179</v>
      </c>
      <c r="D31" s="1177" t="s">
        <v>260</v>
      </c>
      <c r="E31" s="354">
        <v>21716248173</v>
      </c>
      <c r="F31" s="340">
        <v>21716248173</v>
      </c>
      <c r="G31" s="350" t="s">
        <v>523</v>
      </c>
      <c r="H31" s="341">
        <v>21857142973</v>
      </c>
      <c r="I31" s="341">
        <v>21991072232</v>
      </c>
      <c r="J31" s="294">
        <v>0.99399999999999999</v>
      </c>
      <c r="K31" s="338">
        <v>0.99399999999999999</v>
      </c>
      <c r="L31" s="342">
        <v>1.008</v>
      </c>
      <c r="M31" s="343">
        <v>2.52E-2</v>
      </c>
      <c r="N31" s="344">
        <v>2.4199999999999999E-2</v>
      </c>
      <c r="O31" s="735">
        <v>2.35E-2</v>
      </c>
      <c r="P31" s="1173"/>
    </row>
    <row r="32" spans="1:16" s="322" customFormat="1" ht="25.2" customHeight="1" x14ac:dyDescent="0.2">
      <c r="A32" s="1415"/>
      <c r="B32" s="1418"/>
      <c r="C32" s="1421"/>
      <c r="D32" s="292" t="s">
        <v>261</v>
      </c>
      <c r="E32" s="330">
        <v>14174975084</v>
      </c>
      <c r="F32" s="337">
        <v>14174975084</v>
      </c>
      <c r="G32" s="351" t="s">
        <v>522</v>
      </c>
      <c r="H32" s="331">
        <v>14227800989</v>
      </c>
      <c r="I32" s="331">
        <v>14344026877</v>
      </c>
      <c r="J32" s="294">
        <v>0.996</v>
      </c>
      <c r="K32" s="338">
        <v>0.99199999999999999</v>
      </c>
      <c r="L32" s="294">
        <v>1.0169999999999999</v>
      </c>
      <c r="M32" s="332">
        <v>1.6500000000000001E-2</v>
      </c>
      <c r="N32" s="295">
        <v>1.5800000000000002E-2</v>
      </c>
      <c r="O32" s="735">
        <v>1.5299999999999999E-2</v>
      </c>
      <c r="P32" s="1173"/>
    </row>
    <row r="33" spans="1:17" s="322" customFormat="1" ht="25.2" customHeight="1" x14ac:dyDescent="0.15">
      <c r="A33" s="1415"/>
      <c r="B33" s="1418"/>
      <c r="C33" s="724" t="s">
        <v>171</v>
      </c>
      <c r="D33" s="1178"/>
      <c r="E33" s="351" t="s">
        <v>522</v>
      </c>
      <c r="F33" s="351" t="s">
        <v>522</v>
      </c>
      <c r="G33" s="351" t="s">
        <v>522</v>
      </c>
      <c r="H33" s="351" t="s">
        <v>504</v>
      </c>
      <c r="I33" s="351" t="s">
        <v>504</v>
      </c>
      <c r="J33" s="339" t="s">
        <v>477</v>
      </c>
      <c r="K33" s="339" t="s">
        <v>477</v>
      </c>
      <c r="L33" s="338" t="s">
        <v>504</v>
      </c>
      <c r="M33" s="332">
        <v>0</v>
      </c>
      <c r="N33" s="332">
        <v>0</v>
      </c>
      <c r="O33" s="736" t="s">
        <v>477</v>
      </c>
      <c r="P33" s="1173"/>
      <c r="Q33" s="1179"/>
    </row>
    <row r="34" spans="1:17" s="322" customFormat="1" ht="25.2" customHeight="1" x14ac:dyDescent="0.15">
      <c r="A34" s="1415"/>
      <c r="B34" s="1418"/>
      <c r="C34" s="724" t="s">
        <v>172</v>
      </c>
      <c r="D34" s="1178"/>
      <c r="E34" s="330">
        <v>13074644994</v>
      </c>
      <c r="F34" s="337">
        <v>13074644994</v>
      </c>
      <c r="G34" s="351" t="s">
        <v>522</v>
      </c>
      <c r="H34" s="331">
        <v>13415578624</v>
      </c>
      <c r="I34" s="331">
        <v>12635608702</v>
      </c>
      <c r="J34" s="294">
        <v>0.97499999999999998</v>
      </c>
      <c r="K34" s="338">
        <v>1.0620000000000001</v>
      </c>
      <c r="L34" s="294">
        <v>0.996</v>
      </c>
      <c r="M34" s="332">
        <v>1.52E-2</v>
      </c>
      <c r="N34" s="295">
        <v>1.49E-2</v>
      </c>
      <c r="O34" s="735">
        <v>1.35E-2</v>
      </c>
      <c r="P34" s="1173"/>
    </row>
    <row r="35" spans="1:17" s="322" customFormat="1" ht="25.2" customHeight="1" x14ac:dyDescent="0.15">
      <c r="A35" s="1415"/>
      <c r="B35" s="1418"/>
      <c r="C35" s="724" t="s">
        <v>173</v>
      </c>
      <c r="D35" s="1178"/>
      <c r="E35" s="330">
        <v>1574361336</v>
      </c>
      <c r="F35" s="337">
        <v>1574361336</v>
      </c>
      <c r="G35" s="351" t="s">
        <v>522</v>
      </c>
      <c r="H35" s="331">
        <v>1816691530</v>
      </c>
      <c r="I35" s="331">
        <v>1956372957</v>
      </c>
      <c r="J35" s="294">
        <v>0.86699999999999999</v>
      </c>
      <c r="K35" s="338">
        <v>0.92900000000000005</v>
      </c>
      <c r="L35" s="294">
        <v>0.93300000000000005</v>
      </c>
      <c r="M35" s="332">
        <v>1.8E-3</v>
      </c>
      <c r="N35" s="295">
        <v>2E-3</v>
      </c>
      <c r="O35" s="735">
        <v>2.0999999999999999E-3</v>
      </c>
      <c r="P35" s="1173"/>
    </row>
    <row r="36" spans="1:17" s="322" customFormat="1" ht="25.2" customHeight="1" x14ac:dyDescent="0.15">
      <c r="A36" s="1415"/>
      <c r="B36" s="1418"/>
      <c r="C36" s="724" t="s">
        <v>174</v>
      </c>
      <c r="D36" s="1178"/>
      <c r="E36" s="330">
        <v>1662981351</v>
      </c>
      <c r="F36" s="337">
        <v>1662981351</v>
      </c>
      <c r="G36" s="351" t="s">
        <v>522</v>
      </c>
      <c r="H36" s="331">
        <v>1613045784</v>
      </c>
      <c r="I36" s="331">
        <v>1495155951</v>
      </c>
      <c r="J36" s="294">
        <v>1.0309999999999999</v>
      </c>
      <c r="K36" s="338">
        <v>1.079</v>
      </c>
      <c r="L36" s="294">
        <v>0.97899999999999998</v>
      </c>
      <c r="M36" s="332">
        <v>1.9E-3</v>
      </c>
      <c r="N36" s="295">
        <v>1.8E-3</v>
      </c>
      <c r="O36" s="735">
        <v>1.6000000000000001E-3</v>
      </c>
      <c r="P36" s="1173"/>
    </row>
    <row r="37" spans="1:17" s="322" customFormat="1" ht="25.2" customHeight="1" x14ac:dyDescent="0.15">
      <c r="A37" s="1415"/>
      <c r="B37" s="1419"/>
      <c r="C37" s="724" t="s">
        <v>180</v>
      </c>
      <c r="D37" s="1180"/>
      <c r="E37" s="330">
        <v>17199428666</v>
      </c>
      <c r="F37" s="337">
        <v>17199428666</v>
      </c>
      <c r="G37" s="351" t="s">
        <v>522</v>
      </c>
      <c r="H37" s="331">
        <v>23245841269</v>
      </c>
      <c r="I37" s="331">
        <v>25968043153</v>
      </c>
      <c r="J37" s="294">
        <v>0.74</v>
      </c>
      <c r="K37" s="338">
        <v>0.89500000000000002</v>
      </c>
      <c r="L37" s="294">
        <v>0.81899999999999995</v>
      </c>
      <c r="M37" s="332">
        <v>0.02</v>
      </c>
      <c r="N37" s="295">
        <v>2.58E-2</v>
      </c>
      <c r="O37" s="735">
        <v>2.7699999999999999E-2</v>
      </c>
      <c r="P37" s="1173"/>
    </row>
    <row r="38" spans="1:17" s="322" customFormat="1" ht="25.2" customHeight="1" x14ac:dyDescent="0.2">
      <c r="A38" s="1416"/>
      <c r="B38" s="1412" t="s">
        <v>459</v>
      </c>
      <c r="C38" s="1413"/>
      <c r="D38" s="1413"/>
      <c r="E38" s="1181">
        <v>0</v>
      </c>
      <c r="F38" s="358">
        <v>0</v>
      </c>
      <c r="G38" s="358">
        <v>0</v>
      </c>
      <c r="H38" s="359">
        <v>0</v>
      </c>
      <c r="I38" s="359">
        <v>0</v>
      </c>
      <c r="J38" s="339" t="s">
        <v>477</v>
      </c>
      <c r="K38" s="339" t="s">
        <v>477</v>
      </c>
      <c r="L38" s="360">
        <v>0</v>
      </c>
      <c r="M38" s="349">
        <v>0</v>
      </c>
      <c r="N38" s="349">
        <v>0</v>
      </c>
      <c r="O38" s="735">
        <v>0</v>
      </c>
      <c r="P38" s="1173"/>
    </row>
    <row r="39" spans="1:17" s="322" customFormat="1" ht="25.2" customHeight="1" x14ac:dyDescent="0.2">
      <c r="A39" s="230" t="s">
        <v>281</v>
      </c>
      <c r="B39" s="724"/>
      <c r="C39" s="724"/>
      <c r="D39" s="724"/>
      <c r="E39" s="330">
        <v>3549354826</v>
      </c>
      <c r="F39" s="330">
        <v>3393186421</v>
      </c>
      <c r="G39" s="330">
        <v>156168405</v>
      </c>
      <c r="H39" s="331">
        <v>2742888576</v>
      </c>
      <c r="I39" s="331">
        <v>2824342807</v>
      </c>
      <c r="J39" s="294">
        <v>1.294</v>
      </c>
      <c r="K39" s="338">
        <v>0.97099999999999997</v>
      </c>
      <c r="L39" s="360">
        <v>0.95099999999999996</v>
      </c>
      <c r="M39" s="349">
        <v>4.1000000000000003E-3</v>
      </c>
      <c r="N39" s="257">
        <v>3.0000000000000001E-3</v>
      </c>
      <c r="O39" s="735">
        <v>3.0000000000000001E-3</v>
      </c>
      <c r="P39" s="1173"/>
    </row>
    <row r="40" spans="1:17" s="322" customFormat="1" ht="25.2" customHeight="1" x14ac:dyDescent="0.2">
      <c r="A40" s="230" t="s">
        <v>524</v>
      </c>
      <c r="B40" s="724"/>
      <c r="C40" s="724"/>
      <c r="D40" s="724"/>
      <c r="E40" s="330">
        <v>843209044971</v>
      </c>
      <c r="F40" s="331">
        <v>800905022385</v>
      </c>
      <c r="G40" s="331">
        <v>42304022586</v>
      </c>
      <c r="H40" s="331">
        <v>877251510368</v>
      </c>
      <c r="I40" s="331">
        <v>892037379404</v>
      </c>
      <c r="J40" s="294">
        <v>0.96099999999999997</v>
      </c>
      <c r="K40" s="338">
        <v>0.98299999999999998</v>
      </c>
      <c r="L40" s="360">
        <v>0.871</v>
      </c>
      <c r="M40" s="349">
        <v>0.97970000000000002</v>
      </c>
      <c r="N40" s="256">
        <v>0.97289999999999999</v>
      </c>
      <c r="O40" s="735">
        <v>0.95209999999999995</v>
      </c>
      <c r="P40" s="1173"/>
    </row>
    <row r="41" spans="1:17" s="322" customFormat="1" ht="25.2" customHeight="1" x14ac:dyDescent="0.2">
      <c r="A41" s="230" t="s">
        <v>282</v>
      </c>
      <c r="B41" s="724"/>
      <c r="C41" s="724"/>
      <c r="D41" s="724"/>
      <c r="E41" s="330">
        <v>1125138829</v>
      </c>
      <c r="F41" s="331">
        <v>1107958759</v>
      </c>
      <c r="G41" s="331">
        <v>17180070</v>
      </c>
      <c r="H41" s="331">
        <v>1868314394</v>
      </c>
      <c r="I41" s="331">
        <v>2644072381</v>
      </c>
      <c r="J41" s="294">
        <v>0.60199999999999998</v>
      </c>
      <c r="K41" s="338">
        <v>0.70699999999999996</v>
      </c>
      <c r="L41" s="335">
        <v>2.6829999999999998</v>
      </c>
      <c r="M41" s="349">
        <v>1.2999999999999999E-3</v>
      </c>
      <c r="N41" s="258">
        <v>2.0999999999999999E-3</v>
      </c>
      <c r="O41" s="735">
        <v>2.8E-3</v>
      </c>
      <c r="P41" s="1173"/>
    </row>
    <row r="42" spans="1:17" s="322" customFormat="1" ht="25.2" customHeight="1" x14ac:dyDescent="0.2">
      <c r="A42" s="1476" t="s">
        <v>283</v>
      </c>
      <c r="B42" s="1485"/>
      <c r="C42" s="1485"/>
      <c r="D42" s="1486"/>
      <c r="E42" s="330">
        <v>16333798773</v>
      </c>
      <c r="F42" s="331">
        <v>10325088980</v>
      </c>
      <c r="G42" s="331">
        <v>6008709793</v>
      </c>
      <c r="H42" s="331">
        <v>22558364871</v>
      </c>
      <c r="I42" s="331">
        <v>42262406418</v>
      </c>
      <c r="J42" s="294">
        <v>0.72399999999999998</v>
      </c>
      <c r="K42" s="338">
        <v>0.53400000000000003</v>
      </c>
      <c r="L42" s="294">
        <v>1.2470000000000001</v>
      </c>
      <c r="M42" s="349">
        <v>1.9E-2</v>
      </c>
      <c r="N42" s="295">
        <v>2.5000000000000001E-2</v>
      </c>
      <c r="O42" s="735">
        <v>4.5100000000000001E-2</v>
      </c>
      <c r="P42" s="1173"/>
    </row>
    <row r="43" spans="1:17" s="322" customFormat="1" ht="25.2" customHeight="1" thickBot="1" x14ac:dyDescent="0.25">
      <c r="A43" s="1482" t="s">
        <v>284</v>
      </c>
      <c r="B43" s="1483"/>
      <c r="C43" s="1483"/>
      <c r="D43" s="1484"/>
      <c r="E43" s="1182">
        <v>31000000</v>
      </c>
      <c r="F43" s="361">
        <v>31000000</v>
      </c>
      <c r="G43" s="362">
        <v>0</v>
      </c>
      <c r="H43" s="361">
        <v>25000000</v>
      </c>
      <c r="I43" s="361">
        <v>0</v>
      </c>
      <c r="J43" s="294">
        <v>1.24</v>
      </c>
      <c r="K43" s="339" t="s">
        <v>477</v>
      </c>
      <c r="L43" s="363">
        <v>0</v>
      </c>
      <c r="M43" s="364">
        <v>0</v>
      </c>
      <c r="N43" s="365">
        <v>0</v>
      </c>
      <c r="O43" s="735">
        <v>0</v>
      </c>
      <c r="P43" s="1173"/>
    </row>
    <row r="44" spans="1:17" s="322" customFormat="1" ht="25.2" customHeight="1" thickTop="1" thickBot="1" x14ac:dyDescent="0.25">
      <c r="A44" s="1479" t="s">
        <v>583</v>
      </c>
      <c r="B44" s="1480"/>
      <c r="C44" s="1480"/>
      <c r="D44" s="1481"/>
      <c r="E44" s="366">
        <v>860698982573</v>
      </c>
      <c r="F44" s="366">
        <v>812369070124</v>
      </c>
      <c r="G44" s="366">
        <v>48329912449</v>
      </c>
      <c r="H44" s="367">
        <v>901703189633</v>
      </c>
      <c r="I44" s="367">
        <v>936943858203</v>
      </c>
      <c r="J44" s="368">
        <v>0.95499999999999996</v>
      </c>
      <c r="K44" s="368">
        <v>0.96199999999999997</v>
      </c>
      <c r="L44" s="369">
        <v>0.95899999999999996</v>
      </c>
      <c r="M44" s="370">
        <v>1</v>
      </c>
      <c r="N44" s="371">
        <v>1</v>
      </c>
      <c r="O44" s="372">
        <v>1</v>
      </c>
      <c r="P44" s="1173"/>
    </row>
    <row r="45" spans="1:17" s="322" customFormat="1" ht="21" customHeight="1" x14ac:dyDescent="0.2">
      <c r="A45" s="322" t="s">
        <v>526</v>
      </c>
      <c r="J45" s="373"/>
      <c r="K45" s="373"/>
      <c r="L45" s="373"/>
    </row>
    <row r="46" spans="1:17" s="322" customFormat="1" ht="10.199999999999999" customHeight="1" x14ac:dyDescent="0.2">
      <c r="H46" s="374"/>
      <c r="J46" s="373"/>
      <c r="K46" s="373"/>
      <c r="L46" s="373"/>
    </row>
    <row r="47" spans="1:17" s="322" customFormat="1" ht="15" customHeight="1" x14ac:dyDescent="0.2">
      <c r="A47" s="445" t="s">
        <v>497</v>
      </c>
      <c r="B47" s="323"/>
      <c r="J47" s="323"/>
      <c r="K47" s="323"/>
      <c r="L47" s="323"/>
      <c r="M47" s="323"/>
      <c r="N47" s="323"/>
      <c r="O47" s="323"/>
    </row>
    <row r="48" spans="1:17" s="322" customFormat="1" ht="10.199999999999999" customHeight="1" thickBot="1" x14ac:dyDescent="0.25">
      <c r="A48" s="446"/>
      <c r="B48" s="323"/>
      <c r="J48" s="323"/>
      <c r="K48" s="323"/>
      <c r="L48" s="323"/>
      <c r="M48" s="323"/>
      <c r="N48" s="323"/>
      <c r="O48" s="323"/>
    </row>
    <row r="49" spans="1:16" s="322" customFormat="1" ht="19.95" customHeight="1" x14ac:dyDescent="0.2">
      <c r="A49" s="1444" t="s">
        <v>48</v>
      </c>
      <c r="B49" s="1445"/>
      <c r="C49" s="1445"/>
      <c r="D49" s="1446"/>
      <c r="E49" s="729"/>
      <c r="F49" s="725" t="s">
        <v>591</v>
      </c>
      <c r="G49" s="375"/>
      <c r="H49" s="324" t="s">
        <v>590</v>
      </c>
      <c r="I49" s="324" t="s">
        <v>441</v>
      </c>
      <c r="J49" s="1390" t="s">
        <v>44</v>
      </c>
      <c r="K49" s="1443"/>
      <c r="L49" s="1443"/>
      <c r="M49" s="1390" t="s">
        <v>45</v>
      </c>
      <c r="N49" s="1391"/>
      <c r="O49" s="1392"/>
      <c r="P49" s="1173"/>
    </row>
    <row r="50" spans="1:16" s="322" customFormat="1" ht="19.95" customHeight="1" x14ac:dyDescent="0.2">
      <c r="A50" s="1447"/>
      <c r="B50" s="1448"/>
      <c r="C50" s="1448"/>
      <c r="D50" s="1449"/>
      <c r="E50" s="259" t="s">
        <v>440</v>
      </c>
      <c r="F50" s="299" t="s">
        <v>457</v>
      </c>
      <c r="G50" s="259" t="s">
        <v>458</v>
      </c>
      <c r="H50" s="232" t="s">
        <v>46</v>
      </c>
      <c r="I50" s="232" t="s">
        <v>46</v>
      </c>
      <c r="J50" s="325" t="s">
        <v>585</v>
      </c>
      <c r="K50" s="326" t="s">
        <v>586</v>
      </c>
      <c r="L50" s="326" t="s">
        <v>584</v>
      </c>
      <c r="M50" s="327" t="s">
        <v>587</v>
      </c>
      <c r="N50" s="328" t="s">
        <v>588</v>
      </c>
      <c r="O50" s="329" t="s">
        <v>503</v>
      </c>
      <c r="P50" s="1173"/>
    </row>
    <row r="51" spans="1:16" s="322" customFormat="1" ht="25.2" customHeight="1" x14ac:dyDescent="0.2">
      <c r="A51" s="1476" t="s">
        <v>572</v>
      </c>
      <c r="B51" s="1477"/>
      <c r="C51" s="1477"/>
      <c r="D51" s="1478"/>
      <c r="E51" s="376">
        <v>15043261825</v>
      </c>
      <c r="F51" s="330">
        <v>13578989406</v>
      </c>
      <c r="G51" s="376">
        <v>1464272419</v>
      </c>
      <c r="H51" s="377">
        <v>16865522699</v>
      </c>
      <c r="I51" s="377">
        <v>14503519320</v>
      </c>
      <c r="J51" s="294">
        <v>0.89200000000000002</v>
      </c>
      <c r="K51" s="294">
        <v>1.163</v>
      </c>
      <c r="L51" s="294">
        <v>0.95499999999999996</v>
      </c>
      <c r="M51" s="353">
        <v>1.7999999999999999E-2</v>
      </c>
      <c r="N51" s="353">
        <v>1.9099999999999999E-2</v>
      </c>
      <c r="O51" s="735">
        <v>1.5900000000000001E-2</v>
      </c>
      <c r="P51" s="1173"/>
    </row>
    <row r="52" spans="1:16" s="322" customFormat="1" ht="25.2" customHeight="1" x14ac:dyDescent="0.15">
      <c r="A52" s="1415" t="s">
        <v>152</v>
      </c>
      <c r="B52" s="1417" t="s">
        <v>234</v>
      </c>
      <c r="C52" s="724" t="s">
        <v>153</v>
      </c>
      <c r="D52" s="1183"/>
      <c r="E52" s="376">
        <v>473769596218</v>
      </c>
      <c r="F52" s="330">
        <v>455903022057</v>
      </c>
      <c r="G52" s="376">
        <v>17866574161</v>
      </c>
      <c r="H52" s="331">
        <v>500744035534</v>
      </c>
      <c r="I52" s="377">
        <v>507294593142</v>
      </c>
      <c r="J52" s="294">
        <v>0.94599999999999995</v>
      </c>
      <c r="K52" s="294">
        <v>0.98699999999999999</v>
      </c>
      <c r="L52" s="294">
        <v>0.97199999999999998</v>
      </c>
      <c r="M52" s="353">
        <v>0.56679999999999997</v>
      </c>
      <c r="N52" s="353">
        <v>0.56610000000000005</v>
      </c>
      <c r="O52" s="735">
        <v>0.55489999999999995</v>
      </c>
      <c r="P52" s="1173"/>
    </row>
    <row r="53" spans="1:16" s="322" customFormat="1" ht="25.2" customHeight="1" x14ac:dyDescent="0.15">
      <c r="A53" s="1415"/>
      <c r="B53" s="1487"/>
      <c r="C53" s="724" t="s">
        <v>154</v>
      </c>
      <c r="D53" s="1183"/>
      <c r="E53" s="376">
        <v>5258195384</v>
      </c>
      <c r="F53" s="330">
        <v>5010191603</v>
      </c>
      <c r="G53" s="376">
        <v>248003781</v>
      </c>
      <c r="H53" s="377">
        <v>6096024167</v>
      </c>
      <c r="I53" s="377">
        <v>6514685983</v>
      </c>
      <c r="J53" s="294">
        <v>0.86299999999999999</v>
      </c>
      <c r="K53" s="294">
        <v>0.93600000000000005</v>
      </c>
      <c r="L53" s="294">
        <v>0.91700000000000004</v>
      </c>
      <c r="M53" s="353">
        <v>6.3E-3</v>
      </c>
      <c r="N53" s="353">
        <v>6.8999999999999999E-3</v>
      </c>
      <c r="O53" s="735">
        <v>7.1000000000000004E-3</v>
      </c>
      <c r="P53" s="1173"/>
    </row>
    <row r="54" spans="1:16" s="322" customFormat="1" ht="25.2" customHeight="1" x14ac:dyDescent="0.2">
      <c r="A54" s="1415"/>
      <c r="B54" s="1487"/>
      <c r="C54" s="1395" t="s">
        <v>345</v>
      </c>
      <c r="D54" s="1396"/>
      <c r="E54" s="376">
        <v>479027791602</v>
      </c>
      <c r="F54" s="330">
        <v>460913213660</v>
      </c>
      <c r="G54" s="376">
        <v>18114577942</v>
      </c>
      <c r="H54" s="377">
        <v>506840059701</v>
      </c>
      <c r="I54" s="377">
        <v>513809279125</v>
      </c>
      <c r="J54" s="294">
        <v>0.94499999999999995</v>
      </c>
      <c r="K54" s="294">
        <v>0.98599999999999999</v>
      </c>
      <c r="L54" s="294">
        <v>0.97099999999999997</v>
      </c>
      <c r="M54" s="353">
        <v>0.57310000000000005</v>
      </c>
      <c r="N54" s="353">
        <v>0.57289999999999996</v>
      </c>
      <c r="O54" s="735">
        <v>0.56200000000000006</v>
      </c>
      <c r="P54" s="1173"/>
    </row>
    <row r="55" spans="1:16" s="322" customFormat="1" ht="25.2" customHeight="1" x14ac:dyDescent="0.15">
      <c r="A55" s="1415"/>
      <c r="B55" s="1488"/>
      <c r="C55" s="296" t="s">
        <v>148</v>
      </c>
      <c r="D55" s="1184"/>
      <c r="E55" s="1185">
        <v>1621475131</v>
      </c>
      <c r="F55" s="354">
        <v>1538052269</v>
      </c>
      <c r="G55" s="378">
        <v>83422862</v>
      </c>
      <c r="H55" s="379">
        <v>1825654390</v>
      </c>
      <c r="I55" s="379">
        <v>1719950690</v>
      </c>
      <c r="J55" s="342">
        <v>0.88800000000000001</v>
      </c>
      <c r="K55" s="342">
        <v>1.0609999999999999</v>
      </c>
      <c r="L55" s="342">
        <v>1.123</v>
      </c>
      <c r="M55" s="356">
        <v>1.9E-3</v>
      </c>
      <c r="N55" s="353">
        <v>2.0999999999999999E-3</v>
      </c>
      <c r="O55" s="735">
        <v>1.9E-3</v>
      </c>
      <c r="P55" s="1173"/>
    </row>
    <row r="56" spans="1:16" s="322" customFormat="1" ht="25.2" customHeight="1" x14ac:dyDescent="0.2">
      <c r="A56" s="1415"/>
      <c r="B56" s="1471" t="s">
        <v>576</v>
      </c>
      <c r="C56" s="1477"/>
      <c r="D56" s="1478"/>
      <c r="E56" s="1186">
        <v>68147694882</v>
      </c>
      <c r="F56" s="337">
        <v>66274158991</v>
      </c>
      <c r="G56" s="380">
        <v>1873535891</v>
      </c>
      <c r="H56" s="377">
        <v>69816522805</v>
      </c>
      <c r="I56" s="377">
        <v>69455234064</v>
      </c>
      <c r="J56" s="294">
        <v>0.97599999999999998</v>
      </c>
      <c r="K56" s="294">
        <v>1.0049999999999999</v>
      </c>
      <c r="L56" s="294">
        <v>0.996</v>
      </c>
      <c r="M56" s="353">
        <v>8.1500000000000003E-2</v>
      </c>
      <c r="N56" s="353">
        <v>7.8899999999999998E-2</v>
      </c>
      <c r="O56" s="735">
        <v>7.5999999999999998E-2</v>
      </c>
      <c r="P56" s="1173"/>
    </row>
    <row r="57" spans="1:16" s="322" customFormat="1" ht="25.2" customHeight="1" x14ac:dyDescent="0.2">
      <c r="A57" s="1415"/>
      <c r="B57" s="1439" t="s">
        <v>577</v>
      </c>
      <c r="C57" s="1440"/>
      <c r="D57" s="1442"/>
      <c r="E57" s="1187">
        <v>68661790</v>
      </c>
      <c r="F57" s="330">
        <v>68654802</v>
      </c>
      <c r="G57" s="376">
        <v>6988</v>
      </c>
      <c r="H57" s="331">
        <v>60323781</v>
      </c>
      <c r="I57" s="331">
        <v>52497365</v>
      </c>
      <c r="J57" s="294">
        <v>1.1379999999999999</v>
      </c>
      <c r="K57" s="294">
        <v>1.149</v>
      </c>
      <c r="L57" s="294">
        <v>0.96399999999999997</v>
      </c>
      <c r="M57" s="353">
        <v>1E-4</v>
      </c>
      <c r="N57" s="353">
        <v>1E-4</v>
      </c>
      <c r="O57" s="735">
        <v>1E-4</v>
      </c>
      <c r="P57" s="1173"/>
    </row>
    <row r="58" spans="1:16" s="322" customFormat="1" ht="25.2" customHeight="1" x14ac:dyDescent="0.2">
      <c r="A58" s="1415"/>
      <c r="B58" s="1471" t="s">
        <v>578</v>
      </c>
      <c r="C58" s="1477"/>
      <c r="D58" s="1478"/>
      <c r="E58" s="1187">
        <v>7662956</v>
      </c>
      <c r="F58" s="337">
        <v>7628010</v>
      </c>
      <c r="G58" s="380">
        <v>34946</v>
      </c>
      <c r="H58" s="331">
        <v>5616119</v>
      </c>
      <c r="I58" s="377">
        <v>1326280</v>
      </c>
      <c r="J58" s="294">
        <v>1.3640000000000001</v>
      </c>
      <c r="K58" s="294">
        <v>4.234</v>
      </c>
      <c r="L58" s="294">
        <v>0.17299999999999999</v>
      </c>
      <c r="M58" s="353">
        <v>0</v>
      </c>
      <c r="N58" s="353">
        <v>0</v>
      </c>
      <c r="O58" s="735">
        <v>0</v>
      </c>
      <c r="P58" s="1173"/>
    </row>
    <row r="59" spans="1:16" s="322" customFormat="1" ht="25.2" customHeight="1" x14ac:dyDescent="0.2">
      <c r="A59" s="1415"/>
      <c r="B59" s="1471" t="s">
        <v>579</v>
      </c>
      <c r="C59" s="1477"/>
      <c r="D59" s="1478"/>
      <c r="E59" s="1187">
        <v>2747800229</v>
      </c>
      <c r="F59" s="337">
        <v>2300540082</v>
      </c>
      <c r="G59" s="380">
        <v>447260147</v>
      </c>
      <c r="H59" s="331">
        <v>3127560830</v>
      </c>
      <c r="I59" s="377">
        <v>3346756587</v>
      </c>
      <c r="J59" s="294">
        <v>0.879</v>
      </c>
      <c r="K59" s="294">
        <v>0.93500000000000005</v>
      </c>
      <c r="L59" s="294">
        <v>0.92700000000000005</v>
      </c>
      <c r="M59" s="353">
        <v>3.3E-3</v>
      </c>
      <c r="N59" s="353">
        <v>3.5000000000000001E-3</v>
      </c>
      <c r="O59" s="735">
        <v>3.7000000000000002E-3</v>
      </c>
      <c r="P59" s="1173"/>
    </row>
    <row r="60" spans="1:16" s="322" customFormat="1" ht="25.2" customHeight="1" x14ac:dyDescent="0.2">
      <c r="A60" s="1415"/>
      <c r="B60" s="1471" t="s">
        <v>580</v>
      </c>
      <c r="C60" s="1477"/>
      <c r="D60" s="1478"/>
      <c r="E60" s="1187">
        <v>557270000</v>
      </c>
      <c r="F60" s="337">
        <v>530700000</v>
      </c>
      <c r="G60" s="380">
        <v>26570000</v>
      </c>
      <c r="H60" s="331">
        <v>551330000</v>
      </c>
      <c r="I60" s="377">
        <v>584900000</v>
      </c>
      <c r="J60" s="294">
        <v>1.0109999999999999</v>
      </c>
      <c r="K60" s="294">
        <v>0.94299999999999995</v>
      </c>
      <c r="L60" s="294">
        <v>0.97699999999999998</v>
      </c>
      <c r="M60" s="353">
        <v>6.9999999999999999E-4</v>
      </c>
      <c r="N60" s="353">
        <v>5.9999999999999995E-4</v>
      </c>
      <c r="O60" s="735">
        <v>5.9999999999999995E-4</v>
      </c>
      <c r="P60" s="1173"/>
    </row>
    <row r="61" spans="1:16" s="322" customFormat="1" ht="25.2" customHeight="1" x14ac:dyDescent="0.2">
      <c r="A61" s="1415"/>
      <c r="B61" s="1471" t="s">
        <v>581</v>
      </c>
      <c r="C61" s="1477"/>
      <c r="D61" s="1478"/>
      <c r="E61" s="1186">
        <v>651180467</v>
      </c>
      <c r="F61" s="337">
        <v>30711339</v>
      </c>
      <c r="G61" s="380">
        <v>620469128</v>
      </c>
      <c r="H61" s="331">
        <v>627635780</v>
      </c>
      <c r="I61" s="377">
        <v>605771179</v>
      </c>
      <c r="J61" s="294">
        <v>1.038</v>
      </c>
      <c r="K61" s="294">
        <v>1.036</v>
      </c>
      <c r="L61" s="294">
        <v>1.032</v>
      </c>
      <c r="M61" s="353">
        <v>8.0000000000000004E-4</v>
      </c>
      <c r="N61" s="353">
        <v>6.9999999999999999E-4</v>
      </c>
      <c r="O61" s="735">
        <v>6.9999999999999999E-4</v>
      </c>
      <c r="P61" s="1173"/>
    </row>
    <row r="62" spans="1:16" s="322" customFormat="1" ht="25.2" customHeight="1" x14ac:dyDescent="0.2">
      <c r="A62" s="1416"/>
      <c r="B62" s="1397" t="s">
        <v>525</v>
      </c>
      <c r="C62" s="1398"/>
      <c r="D62" s="1399"/>
      <c r="E62" s="382">
        <v>552829537057</v>
      </c>
      <c r="F62" s="381">
        <v>531663659153</v>
      </c>
      <c r="G62" s="382">
        <v>21165877904</v>
      </c>
      <c r="H62" s="383">
        <v>582854703406</v>
      </c>
      <c r="I62" s="384">
        <v>589575715290</v>
      </c>
      <c r="J62" s="360">
        <v>0.94799999999999995</v>
      </c>
      <c r="K62" s="360">
        <v>0.98899999999999999</v>
      </c>
      <c r="L62" s="360">
        <v>0.97399999999999998</v>
      </c>
      <c r="M62" s="256">
        <v>0.66139999999999999</v>
      </c>
      <c r="N62" s="353">
        <v>0.65890000000000004</v>
      </c>
      <c r="O62" s="735">
        <v>0.64490000000000003</v>
      </c>
      <c r="P62" s="1173"/>
    </row>
    <row r="63" spans="1:16" s="322" customFormat="1" ht="25.2" customHeight="1" x14ac:dyDescent="0.2">
      <c r="A63" s="1424" t="s">
        <v>448</v>
      </c>
      <c r="B63" s="1425" t="s">
        <v>449</v>
      </c>
      <c r="C63" s="727" t="s">
        <v>450</v>
      </c>
      <c r="D63" s="300"/>
      <c r="E63" s="1188">
        <v>162459396604</v>
      </c>
      <c r="F63" s="337">
        <v>162459396604</v>
      </c>
      <c r="G63" s="293">
        <v>0</v>
      </c>
      <c r="H63" s="345">
        <v>180058951469</v>
      </c>
      <c r="I63" s="345">
        <v>180150818694</v>
      </c>
      <c r="J63" s="360">
        <v>0.90200000000000002</v>
      </c>
      <c r="K63" s="360">
        <v>0.999</v>
      </c>
      <c r="L63" s="352" t="s">
        <v>504</v>
      </c>
      <c r="M63" s="353">
        <v>0.19439999999999999</v>
      </c>
      <c r="N63" s="353">
        <v>0.20349999999999999</v>
      </c>
      <c r="O63" s="311" t="s">
        <v>504</v>
      </c>
      <c r="P63" s="1173"/>
    </row>
    <row r="64" spans="1:16" s="322" customFormat="1" ht="25.2" customHeight="1" x14ac:dyDescent="0.2">
      <c r="A64" s="1424"/>
      <c r="B64" s="1425"/>
      <c r="C64" s="727" t="s">
        <v>451</v>
      </c>
      <c r="D64" s="300"/>
      <c r="E64" s="1188">
        <v>48287100</v>
      </c>
      <c r="F64" s="337">
        <v>48287100</v>
      </c>
      <c r="G64" s="293">
        <v>0</v>
      </c>
      <c r="H64" s="345">
        <v>150676340</v>
      </c>
      <c r="I64" s="345">
        <v>701737195</v>
      </c>
      <c r="J64" s="360">
        <v>0.32</v>
      </c>
      <c r="K64" s="360">
        <v>0.215</v>
      </c>
      <c r="L64" s="352" t="s">
        <v>504</v>
      </c>
      <c r="M64" s="353">
        <v>1E-4</v>
      </c>
      <c r="N64" s="353">
        <v>2.0000000000000001E-4</v>
      </c>
      <c r="O64" s="311" t="s">
        <v>504</v>
      </c>
      <c r="P64" s="1173"/>
    </row>
    <row r="65" spans="1:16" s="322" customFormat="1" ht="25.2" customHeight="1" x14ac:dyDescent="0.2">
      <c r="A65" s="1424"/>
      <c r="B65" s="1425"/>
      <c r="C65" s="1432" t="s">
        <v>452</v>
      </c>
      <c r="D65" s="1433"/>
      <c r="E65" s="1188">
        <v>162507683704</v>
      </c>
      <c r="F65" s="337">
        <v>162507683704</v>
      </c>
      <c r="G65" s="293">
        <v>0</v>
      </c>
      <c r="H65" s="345">
        <v>180209627809</v>
      </c>
      <c r="I65" s="345">
        <v>180852555889</v>
      </c>
      <c r="J65" s="360">
        <v>0.90200000000000002</v>
      </c>
      <c r="K65" s="360">
        <v>0.996</v>
      </c>
      <c r="L65" s="352" t="s">
        <v>504</v>
      </c>
      <c r="M65" s="353">
        <v>0.19439999999999999</v>
      </c>
      <c r="N65" s="353">
        <v>0.20369999999999999</v>
      </c>
      <c r="O65" s="311" t="s">
        <v>504</v>
      </c>
      <c r="P65" s="1173"/>
    </row>
    <row r="66" spans="1:16" s="322" customFormat="1" ht="25.2" customHeight="1" x14ac:dyDescent="0.2">
      <c r="A66" s="1424"/>
      <c r="B66" s="1406" t="s">
        <v>453</v>
      </c>
      <c r="C66" s="727" t="s">
        <v>450</v>
      </c>
      <c r="D66" s="300"/>
      <c r="E66" s="1188">
        <v>56989698939</v>
      </c>
      <c r="F66" s="337">
        <v>56989698939</v>
      </c>
      <c r="G66" s="293">
        <v>0</v>
      </c>
      <c r="H66" s="345">
        <v>57456815907</v>
      </c>
      <c r="I66" s="345">
        <v>60401266281</v>
      </c>
      <c r="J66" s="360">
        <v>0.99199999999999999</v>
      </c>
      <c r="K66" s="360">
        <v>0.95099999999999996</v>
      </c>
      <c r="L66" s="352" t="s">
        <v>504</v>
      </c>
      <c r="M66" s="353">
        <v>6.8199999999999997E-2</v>
      </c>
      <c r="N66" s="353">
        <v>6.5000000000000002E-2</v>
      </c>
      <c r="O66" s="311" t="s">
        <v>504</v>
      </c>
      <c r="P66" s="1173"/>
    </row>
    <row r="67" spans="1:16" s="322" customFormat="1" ht="25.2" customHeight="1" x14ac:dyDescent="0.2">
      <c r="A67" s="1424"/>
      <c r="B67" s="1407"/>
      <c r="C67" s="727" t="s">
        <v>451</v>
      </c>
      <c r="D67" s="300"/>
      <c r="E67" s="1188">
        <v>7777351</v>
      </c>
      <c r="F67" s="337">
        <v>7777351</v>
      </c>
      <c r="G67" s="293">
        <v>0</v>
      </c>
      <c r="H67" s="345">
        <v>61833341</v>
      </c>
      <c r="I67" s="345">
        <v>236244553</v>
      </c>
      <c r="J67" s="360">
        <v>0.126</v>
      </c>
      <c r="K67" s="360">
        <v>0.26200000000000001</v>
      </c>
      <c r="L67" s="352" t="s">
        <v>504</v>
      </c>
      <c r="M67" s="353">
        <v>0</v>
      </c>
      <c r="N67" s="353">
        <v>1E-4</v>
      </c>
      <c r="O67" s="311" t="s">
        <v>504</v>
      </c>
      <c r="P67" s="1173"/>
    </row>
    <row r="68" spans="1:16" s="322" customFormat="1" ht="25.2" customHeight="1" x14ac:dyDescent="0.2">
      <c r="A68" s="1424"/>
      <c r="B68" s="1407"/>
      <c r="C68" s="1432" t="s">
        <v>452</v>
      </c>
      <c r="D68" s="1433"/>
      <c r="E68" s="1188">
        <v>56997476290</v>
      </c>
      <c r="F68" s="337">
        <v>56997476290</v>
      </c>
      <c r="G68" s="293">
        <v>0</v>
      </c>
      <c r="H68" s="345">
        <v>57518649248</v>
      </c>
      <c r="I68" s="345">
        <v>60637510834</v>
      </c>
      <c r="J68" s="360">
        <v>0.99099999999999999</v>
      </c>
      <c r="K68" s="360">
        <v>0.94899999999999995</v>
      </c>
      <c r="L68" s="352" t="s">
        <v>504</v>
      </c>
      <c r="M68" s="353">
        <v>6.8199999999999997E-2</v>
      </c>
      <c r="N68" s="353">
        <v>6.5000000000000002E-2</v>
      </c>
      <c r="O68" s="311" t="s">
        <v>504</v>
      </c>
      <c r="P68" s="1173"/>
    </row>
    <row r="69" spans="1:16" s="322" customFormat="1" ht="25.2" customHeight="1" x14ac:dyDescent="0.2">
      <c r="A69" s="1424"/>
      <c r="B69" s="1412" t="s">
        <v>575</v>
      </c>
      <c r="C69" s="1413"/>
      <c r="D69" s="1414"/>
      <c r="E69" s="1189">
        <v>21459200983</v>
      </c>
      <c r="F69" s="381">
        <v>21459200983</v>
      </c>
      <c r="G69" s="385">
        <v>0</v>
      </c>
      <c r="H69" s="383">
        <v>20391697776</v>
      </c>
      <c r="I69" s="383">
        <v>21184279408</v>
      </c>
      <c r="J69" s="360">
        <v>1.052</v>
      </c>
      <c r="K69" s="360">
        <v>0.96299999999999997</v>
      </c>
      <c r="L69" s="386" t="s">
        <v>504</v>
      </c>
      <c r="M69" s="256">
        <v>2.5700000000000001E-2</v>
      </c>
      <c r="N69" s="353">
        <v>2.3099999999999999E-2</v>
      </c>
      <c r="O69" s="312" t="s">
        <v>504</v>
      </c>
      <c r="P69" s="1173"/>
    </row>
    <row r="70" spans="1:16" s="322" customFormat="1" ht="25.2" customHeight="1" x14ac:dyDescent="0.2">
      <c r="A70" s="1424"/>
      <c r="B70" s="1430" t="s">
        <v>452</v>
      </c>
      <c r="C70" s="1395"/>
      <c r="D70" s="1431"/>
      <c r="E70" s="1188">
        <v>240964360977</v>
      </c>
      <c r="F70" s="337">
        <v>240964360977</v>
      </c>
      <c r="G70" s="337">
        <v>0</v>
      </c>
      <c r="H70" s="345">
        <v>258119974833</v>
      </c>
      <c r="I70" s="345">
        <v>262674346131</v>
      </c>
      <c r="J70" s="360">
        <v>0.93400000000000005</v>
      </c>
      <c r="K70" s="360">
        <v>0.98299999999999998</v>
      </c>
      <c r="L70" s="352" t="s">
        <v>504</v>
      </c>
      <c r="M70" s="353">
        <v>0.2883</v>
      </c>
      <c r="N70" s="353">
        <v>0.2918</v>
      </c>
      <c r="O70" s="313" t="s">
        <v>504</v>
      </c>
      <c r="P70" s="1173"/>
    </row>
    <row r="71" spans="1:16" s="322" customFormat="1" ht="25.2" customHeight="1" x14ac:dyDescent="0.2">
      <c r="A71" s="1408" t="s">
        <v>456</v>
      </c>
      <c r="B71" s="1410" t="s">
        <v>454</v>
      </c>
      <c r="C71" s="1190" t="s">
        <v>271</v>
      </c>
      <c r="D71" s="1190"/>
      <c r="E71" s="1191">
        <v>7890331058</v>
      </c>
      <c r="F71" s="387">
        <v>0</v>
      </c>
      <c r="G71" s="388">
        <v>7890331058</v>
      </c>
      <c r="H71" s="379">
        <v>7749066874</v>
      </c>
      <c r="I71" s="379">
        <v>7101909048</v>
      </c>
      <c r="J71" s="360">
        <v>1.018</v>
      </c>
      <c r="K71" s="360">
        <v>1.091</v>
      </c>
      <c r="L71" s="355">
        <v>5.8999999999999997E-2</v>
      </c>
      <c r="M71" s="389">
        <v>9.4000000000000004E-3</v>
      </c>
      <c r="N71" s="353">
        <v>8.8000000000000005E-3</v>
      </c>
      <c r="O71" s="735">
        <v>7.7999999999999996E-3</v>
      </c>
      <c r="P71" s="1173"/>
    </row>
    <row r="72" spans="1:16" s="322" customFormat="1" ht="25.2" customHeight="1" x14ac:dyDescent="0.2">
      <c r="A72" s="1409"/>
      <c r="B72" s="1411"/>
      <c r="C72" s="1192" t="s">
        <v>182</v>
      </c>
      <c r="D72" s="1192"/>
      <c r="E72" s="1193">
        <v>568271</v>
      </c>
      <c r="F72" s="357">
        <v>0</v>
      </c>
      <c r="G72" s="390">
        <v>568271</v>
      </c>
      <c r="H72" s="331">
        <v>583755</v>
      </c>
      <c r="I72" s="331">
        <v>573610</v>
      </c>
      <c r="J72" s="360">
        <v>0.97299999999999998</v>
      </c>
      <c r="K72" s="360">
        <v>1.018</v>
      </c>
      <c r="L72" s="338">
        <v>6.6000000000000003E-2</v>
      </c>
      <c r="M72" s="353">
        <v>0</v>
      </c>
      <c r="N72" s="353">
        <v>0</v>
      </c>
      <c r="O72" s="735">
        <v>0</v>
      </c>
      <c r="P72" s="1173"/>
    </row>
    <row r="73" spans="1:16" s="322" customFormat="1" ht="25.2" customHeight="1" x14ac:dyDescent="0.2">
      <c r="A73" s="1409"/>
      <c r="B73" s="1411" t="s">
        <v>455</v>
      </c>
      <c r="C73" s="1192" t="s">
        <v>272</v>
      </c>
      <c r="D73" s="1192"/>
      <c r="E73" s="1193">
        <v>3582864656</v>
      </c>
      <c r="F73" s="357">
        <v>0</v>
      </c>
      <c r="G73" s="391">
        <v>3582864656</v>
      </c>
      <c r="H73" s="377">
        <v>3273397362</v>
      </c>
      <c r="I73" s="377">
        <v>3286524412</v>
      </c>
      <c r="J73" s="360">
        <v>1.095</v>
      </c>
      <c r="K73" s="360">
        <v>0.996</v>
      </c>
      <c r="L73" s="338">
        <v>0.92800000000000005</v>
      </c>
      <c r="M73" s="353">
        <v>4.3E-3</v>
      </c>
      <c r="N73" s="353">
        <v>3.7000000000000002E-3</v>
      </c>
      <c r="O73" s="735">
        <v>3.5999999999999999E-3</v>
      </c>
      <c r="P73" s="1173"/>
    </row>
    <row r="74" spans="1:16" s="322" customFormat="1" ht="25.2" customHeight="1" x14ac:dyDescent="0.2">
      <c r="A74" s="1409"/>
      <c r="B74" s="1411"/>
      <c r="C74" s="1192" t="s">
        <v>182</v>
      </c>
      <c r="D74" s="1192"/>
      <c r="E74" s="1193">
        <v>470205</v>
      </c>
      <c r="F74" s="357">
        <v>0</v>
      </c>
      <c r="G74" s="390">
        <v>470205</v>
      </c>
      <c r="H74" s="331">
        <v>483017</v>
      </c>
      <c r="I74" s="331">
        <v>496569</v>
      </c>
      <c r="J74" s="360">
        <v>0.97299999999999998</v>
      </c>
      <c r="K74" s="360">
        <v>0.97299999999999998</v>
      </c>
      <c r="L74" s="338">
        <v>5.8999999999999997E-2</v>
      </c>
      <c r="M74" s="353">
        <v>0</v>
      </c>
      <c r="N74" s="353">
        <v>0</v>
      </c>
      <c r="O74" s="735">
        <v>0</v>
      </c>
      <c r="P74" s="1173"/>
    </row>
    <row r="75" spans="1:16" s="322" customFormat="1" ht="25.2" customHeight="1" x14ac:dyDescent="0.2">
      <c r="A75" s="1409"/>
      <c r="B75" s="1411" t="s">
        <v>552</v>
      </c>
      <c r="C75" s="1192" t="s">
        <v>181</v>
      </c>
      <c r="D75" s="1192"/>
      <c r="E75" s="392">
        <v>0</v>
      </c>
      <c r="F75" s="357">
        <v>0</v>
      </c>
      <c r="G75" s="392">
        <v>0</v>
      </c>
      <c r="H75" s="377">
        <v>0</v>
      </c>
      <c r="I75" s="377">
        <v>0</v>
      </c>
      <c r="J75" s="393" t="s">
        <v>477</v>
      </c>
      <c r="K75" s="393" t="s">
        <v>477</v>
      </c>
      <c r="L75" s="339" t="s">
        <v>504</v>
      </c>
      <c r="M75" s="393" t="s">
        <v>479</v>
      </c>
      <c r="N75" s="353">
        <v>0</v>
      </c>
      <c r="O75" s="735">
        <v>0</v>
      </c>
      <c r="P75" s="1173"/>
    </row>
    <row r="76" spans="1:16" s="322" customFormat="1" ht="25.2" customHeight="1" x14ac:dyDescent="0.2">
      <c r="A76" s="1409"/>
      <c r="B76" s="1411"/>
      <c r="C76" s="1192" t="s">
        <v>182</v>
      </c>
      <c r="D76" s="1192"/>
      <c r="E76" s="392">
        <v>0</v>
      </c>
      <c r="F76" s="357">
        <v>0</v>
      </c>
      <c r="G76" s="394">
        <v>0</v>
      </c>
      <c r="H76" s="331">
        <v>0</v>
      </c>
      <c r="I76" s="377">
        <v>0</v>
      </c>
      <c r="J76" s="393" t="s">
        <v>477</v>
      </c>
      <c r="K76" s="393" t="s">
        <v>477</v>
      </c>
      <c r="L76" s="294">
        <v>0</v>
      </c>
      <c r="M76" s="393" t="s">
        <v>478</v>
      </c>
      <c r="N76" s="353">
        <v>0</v>
      </c>
      <c r="O76" s="735">
        <v>0</v>
      </c>
      <c r="P76" s="1173"/>
    </row>
    <row r="77" spans="1:16" s="322" customFormat="1" ht="25.2" customHeight="1" x14ac:dyDescent="0.2">
      <c r="A77" s="1409"/>
      <c r="B77" s="1471" t="s">
        <v>582</v>
      </c>
      <c r="C77" s="1477"/>
      <c r="D77" s="1478"/>
      <c r="E77" s="282">
        <v>3926610374</v>
      </c>
      <c r="F77" s="358">
        <v>0</v>
      </c>
      <c r="G77" s="282">
        <v>3926610374</v>
      </c>
      <c r="H77" s="395">
        <v>3761073330</v>
      </c>
      <c r="I77" s="395">
        <v>3449625769</v>
      </c>
      <c r="J77" s="360">
        <v>1.044</v>
      </c>
      <c r="K77" s="360">
        <v>1.0900000000000001</v>
      </c>
      <c r="L77" s="360">
        <v>7.2999999999999995E-2</v>
      </c>
      <c r="M77" s="353">
        <v>4.7000000000000002E-3</v>
      </c>
      <c r="N77" s="353">
        <v>4.3E-3</v>
      </c>
      <c r="O77" s="735">
        <v>3.8E-3</v>
      </c>
      <c r="P77" s="1173"/>
    </row>
    <row r="78" spans="1:16" s="322" customFormat="1" ht="25.2" customHeight="1" x14ac:dyDescent="0.2">
      <c r="A78" s="1434" t="s">
        <v>528</v>
      </c>
      <c r="B78" s="1437" t="s">
        <v>574</v>
      </c>
      <c r="C78" s="1437"/>
      <c r="D78" s="1437"/>
      <c r="E78" s="303">
        <v>1000644000</v>
      </c>
      <c r="F78" s="304">
        <v>0</v>
      </c>
      <c r="G78" s="396">
        <v>1000644000</v>
      </c>
      <c r="H78" s="341">
        <v>955679000</v>
      </c>
      <c r="I78" s="341">
        <v>891285000</v>
      </c>
      <c r="J78" s="360">
        <v>1.0469999999999999</v>
      </c>
      <c r="K78" s="360">
        <v>1.0720000000000001</v>
      </c>
      <c r="L78" s="342">
        <v>4.1000000000000002E-2</v>
      </c>
      <c r="M78" s="389">
        <v>1.1999999999999999E-3</v>
      </c>
      <c r="N78" s="353">
        <v>1.1000000000000001E-3</v>
      </c>
      <c r="O78" s="735">
        <v>1E-3</v>
      </c>
      <c r="P78" s="1173"/>
    </row>
    <row r="79" spans="1:16" s="322" customFormat="1" ht="25.2" customHeight="1" x14ac:dyDescent="0.2">
      <c r="A79" s="1435"/>
      <c r="B79" s="1438" t="s">
        <v>573</v>
      </c>
      <c r="C79" s="1438"/>
      <c r="D79" s="1438"/>
      <c r="E79" s="305">
        <v>0</v>
      </c>
      <c r="F79" s="306">
        <v>0</v>
      </c>
      <c r="G79" s="306">
        <v>0</v>
      </c>
      <c r="H79" s="331">
        <v>0</v>
      </c>
      <c r="I79" s="331">
        <v>0</v>
      </c>
      <c r="J79" s="393" t="s">
        <v>477</v>
      </c>
      <c r="K79" s="393" t="s">
        <v>477</v>
      </c>
      <c r="L79" s="294">
        <v>0</v>
      </c>
      <c r="M79" s="393" t="s">
        <v>477</v>
      </c>
      <c r="N79" s="353">
        <v>0</v>
      </c>
      <c r="O79" s="735">
        <v>0</v>
      </c>
      <c r="P79" s="1173"/>
    </row>
    <row r="80" spans="1:16" s="322" customFormat="1" ht="25.2" customHeight="1" x14ac:dyDescent="0.2">
      <c r="A80" s="1436"/>
      <c r="B80" s="1403" t="s">
        <v>170</v>
      </c>
      <c r="C80" s="1404"/>
      <c r="D80" s="1405"/>
      <c r="E80" s="307">
        <v>0</v>
      </c>
      <c r="F80" s="293">
        <v>0</v>
      </c>
      <c r="G80" s="293">
        <v>0</v>
      </c>
      <c r="H80" s="377">
        <v>0</v>
      </c>
      <c r="I80" s="377">
        <v>0</v>
      </c>
      <c r="J80" s="393" t="s">
        <v>477</v>
      </c>
      <c r="K80" s="393" t="s">
        <v>477</v>
      </c>
      <c r="L80" s="294">
        <v>0</v>
      </c>
      <c r="M80" s="393" t="s">
        <v>478</v>
      </c>
      <c r="N80" s="353">
        <v>0</v>
      </c>
      <c r="O80" s="735">
        <v>0</v>
      </c>
      <c r="P80" s="1173"/>
    </row>
    <row r="81" spans="1:16" s="322" customFormat="1" ht="25.2" customHeight="1" x14ac:dyDescent="0.2">
      <c r="A81" s="1426" t="s">
        <v>273</v>
      </c>
      <c r="B81" s="1427"/>
      <c r="C81" s="1422" t="s">
        <v>274</v>
      </c>
      <c r="D81" s="1422"/>
      <c r="E81" s="1194">
        <v>4436432458</v>
      </c>
      <c r="F81" s="341">
        <v>4274772913</v>
      </c>
      <c r="G81" s="341">
        <v>161659545</v>
      </c>
      <c r="H81" s="341">
        <v>5003021886</v>
      </c>
      <c r="I81" s="341">
        <v>4887139042</v>
      </c>
      <c r="J81" s="360">
        <v>0.88700000000000001</v>
      </c>
      <c r="K81" s="360">
        <v>1.024</v>
      </c>
      <c r="L81" s="355">
        <v>1.0149999999999999</v>
      </c>
      <c r="M81" s="389">
        <v>5.3E-3</v>
      </c>
      <c r="N81" s="353">
        <v>5.7000000000000002E-3</v>
      </c>
      <c r="O81" s="735">
        <v>5.3E-3</v>
      </c>
      <c r="P81" s="1173"/>
    </row>
    <row r="82" spans="1:16" s="322" customFormat="1" ht="25.2" customHeight="1" x14ac:dyDescent="0.2">
      <c r="A82" s="1428"/>
      <c r="B82" s="1429"/>
      <c r="C82" s="1423" t="s">
        <v>275</v>
      </c>
      <c r="D82" s="1423"/>
      <c r="E82" s="1195">
        <v>1460745666</v>
      </c>
      <c r="F82" s="331">
        <v>696736190</v>
      </c>
      <c r="G82" s="331">
        <v>764009476</v>
      </c>
      <c r="H82" s="331">
        <v>1564756009</v>
      </c>
      <c r="I82" s="331">
        <v>1539368286</v>
      </c>
      <c r="J82" s="360">
        <v>0.93400000000000005</v>
      </c>
      <c r="K82" s="360">
        <v>1.016</v>
      </c>
      <c r="L82" s="338">
        <v>1.0409999999999999</v>
      </c>
      <c r="M82" s="353">
        <v>1.6999999999999999E-3</v>
      </c>
      <c r="N82" s="353">
        <v>1.8E-3</v>
      </c>
      <c r="O82" s="735">
        <v>1.6999999999999999E-3</v>
      </c>
      <c r="P82" s="1173"/>
    </row>
    <row r="83" spans="1:16" s="322" customFormat="1" ht="25.2" customHeight="1" x14ac:dyDescent="0.15">
      <c r="A83" s="1196" t="s">
        <v>516</v>
      </c>
      <c r="B83" s="1197"/>
      <c r="C83" s="1198"/>
      <c r="D83" s="1199"/>
      <c r="E83" s="1195">
        <v>0</v>
      </c>
      <c r="F83" s="357">
        <v>0</v>
      </c>
      <c r="G83" s="357">
        <v>0</v>
      </c>
      <c r="H83" s="395">
        <v>0</v>
      </c>
      <c r="I83" s="395">
        <v>0</v>
      </c>
      <c r="J83" s="393" t="s">
        <v>477</v>
      </c>
      <c r="K83" s="393" t="s">
        <v>477</v>
      </c>
      <c r="L83" s="397" t="s">
        <v>504</v>
      </c>
      <c r="M83" s="353">
        <v>0</v>
      </c>
      <c r="N83" s="353">
        <v>0</v>
      </c>
      <c r="O83" s="735">
        <v>0</v>
      </c>
      <c r="P83" s="1173"/>
    </row>
    <row r="84" spans="1:16" s="322" customFormat="1" ht="25.2" customHeight="1" x14ac:dyDescent="0.2">
      <c r="A84" s="230" t="s">
        <v>287</v>
      </c>
      <c r="B84" s="724"/>
      <c r="C84" s="724"/>
      <c r="D84" s="231"/>
      <c r="E84" s="1195">
        <v>64715000</v>
      </c>
      <c r="F84" s="331">
        <v>64715000</v>
      </c>
      <c r="G84" s="357">
        <v>0</v>
      </c>
      <c r="H84" s="395">
        <v>105762000</v>
      </c>
      <c r="I84" s="395">
        <v>68847000</v>
      </c>
      <c r="J84" s="360">
        <v>0.61199999999999999</v>
      </c>
      <c r="K84" s="360">
        <v>1.536</v>
      </c>
      <c r="L84" s="360">
        <v>1.141</v>
      </c>
      <c r="M84" s="353">
        <v>1E-4</v>
      </c>
      <c r="N84" s="353">
        <v>1E-4</v>
      </c>
      <c r="O84" s="735">
        <v>1E-4</v>
      </c>
      <c r="P84" s="1173"/>
    </row>
    <row r="85" spans="1:16" s="322" customFormat="1" ht="25.2" customHeight="1" x14ac:dyDescent="0.2">
      <c r="A85" s="230" t="s">
        <v>289</v>
      </c>
      <c r="B85" s="724"/>
      <c r="C85" s="724"/>
      <c r="D85" s="231"/>
      <c r="E85" s="1195">
        <v>3151402097</v>
      </c>
      <c r="F85" s="331">
        <v>1440693775</v>
      </c>
      <c r="G85" s="331">
        <v>1710708322</v>
      </c>
      <c r="H85" s="395">
        <v>2063961644</v>
      </c>
      <c r="I85" s="395">
        <v>16315022500</v>
      </c>
      <c r="J85" s="360">
        <v>1.5269999999999999</v>
      </c>
      <c r="K85" s="360">
        <v>0.127</v>
      </c>
      <c r="L85" s="360">
        <v>2.0529999999999999</v>
      </c>
      <c r="M85" s="353">
        <v>3.8E-3</v>
      </c>
      <c r="N85" s="353">
        <v>2.3E-3</v>
      </c>
      <c r="O85" s="735">
        <v>1.78E-2</v>
      </c>
      <c r="P85" s="1173"/>
    </row>
    <row r="86" spans="1:16" s="322" customFormat="1" ht="25.2" customHeight="1" x14ac:dyDescent="0.2">
      <c r="A86" s="230" t="s">
        <v>553</v>
      </c>
      <c r="B86" s="724"/>
      <c r="C86" s="724"/>
      <c r="D86" s="231"/>
      <c r="E86" s="1195">
        <v>834351943644</v>
      </c>
      <c r="F86" s="331">
        <v>792683927414</v>
      </c>
      <c r="G86" s="331">
        <v>41668016230</v>
      </c>
      <c r="H86" s="395">
        <v>882317985815</v>
      </c>
      <c r="I86" s="395">
        <v>904294371977</v>
      </c>
      <c r="J86" s="360">
        <v>0.94599999999999995</v>
      </c>
      <c r="K86" s="360">
        <v>0.97599999999999998</v>
      </c>
      <c r="L86" s="360">
        <v>0.89300000000000002</v>
      </c>
      <c r="M86" s="353">
        <v>0.99819999999999998</v>
      </c>
      <c r="N86" s="353">
        <v>0.99739999999999995</v>
      </c>
      <c r="O86" s="735">
        <v>0.98909999999999998</v>
      </c>
      <c r="P86" s="1173"/>
    </row>
    <row r="87" spans="1:16" ht="25.2" customHeight="1" x14ac:dyDescent="0.15">
      <c r="A87" s="230" t="s">
        <v>290</v>
      </c>
      <c r="B87" s="724"/>
      <c r="C87" s="724"/>
      <c r="D87" s="231"/>
      <c r="E87" s="1195">
        <v>1406944083</v>
      </c>
      <c r="F87" s="331">
        <v>1362873823</v>
      </c>
      <c r="G87" s="331">
        <v>44070260</v>
      </c>
      <c r="H87" s="395">
        <v>2195486055</v>
      </c>
      <c r="I87" s="395">
        <v>9815388139</v>
      </c>
      <c r="J87" s="360">
        <v>0.64100000000000001</v>
      </c>
      <c r="K87" s="360">
        <v>0.224</v>
      </c>
      <c r="L87" s="360">
        <v>2.6640000000000001</v>
      </c>
      <c r="M87" s="353">
        <v>1.6999999999999999E-3</v>
      </c>
      <c r="N87" s="353">
        <v>2.5000000000000001E-3</v>
      </c>
      <c r="O87" s="735">
        <v>1.0699999999999999E-2</v>
      </c>
      <c r="P87" s="1200"/>
    </row>
    <row r="88" spans="1:16" ht="25.2" customHeight="1" x14ac:dyDescent="0.15">
      <c r="A88" s="230" t="s">
        <v>291</v>
      </c>
      <c r="B88" s="724"/>
      <c r="C88" s="724"/>
      <c r="D88" s="231"/>
      <c r="E88" s="1195">
        <v>0</v>
      </c>
      <c r="F88" s="331">
        <v>0</v>
      </c>
      <c r="G88" s="331">
        <v>0</v>
      </c>
      <c r="H88" s="395">
        <v>0</v>
      </c>
      <c r="I88" s="398">
        <v>0</v>
      </c>
      <c r="J88" s="393" t="s">
        <v>477</v>
      </c>
      <c r="K88" s="393" t="s">
        <v>477</v>
      </c>
      <c r="L88" s="335">
        <v>0</v>
      </c>
      <c r="M88" s="353">
        <v>0</v>
      </c>
      <c r="N88" s="353">
        <v>0</v>
      </c>
      <c r="O88" s="735">
        <v>0</v>
      </c>
      <c r="P88" s="1200"/>
    </row>
    <row r="89" spans="1:16" ht="25.2" customHeight="1" thickBot="1" x14ac:dyDescent="0.2">
      <c r="A89" s="1201" t="s">
        <v>292</v>
      </c>
      <c r="B89" s="1202"/>
      <c r="C89" s="1202"/>
      <c r="D89" s="1203"/>
      <c r="E89" s="1195">
        <v>93143894</v>
      </c>
      <c r="F89" s="361">
        <v>93143894</v>
      </c>
      <c r="G89" s="361">
        <v>0</v>
      </c>
      <c r="H89" s="361">
        <v>109567820</v>
      </c>
      <c r="I89" s="399">
        <v>137604624</v>
      </c>
      <c r="J89" s="400">
        <v>0.85</v>
      </c>
      <c r="K89" s="363">
        <v>0.79600000000000004</v>
      </c>
      <c r="L89" s="400">
        <v>1.234</v>
      </c>
      <c r="M89" s="353">
        <v>1E-4</v>
      </c>
      <c r="N89" s="401">
        <v>1E-4</v>
      </c>
      <c r="O89" s="737">
        <v>2.0000000000000001E-4</v>
      </c>
      <c r="P89" s="1200"/>
    </row>
    <row r="90" spans="1:16" ht="25.2" customHeight="1" thickTop="1" thickBot="1" x14ac:dyDescent="0.2">
      <c r="A90" s="1400" t="s">
        <v>527</v>
      </c>
      <c r="B90" s="1401"/>
      <c r="C90" s="1401"/>
      <c r="D90" s="1402"/>
      <c r="E90" s="1204">
        <v>835852031621</v>
      </c>
      <c r="F90" s="402">
        <v>794139945131</v>
      </c>
      <c r="G90" s="402">
        <v>41712086490</v>
      </c>
      <c r="H90" s="367">
        <v>884623039690</v>
      </c>
      <c r="I90" s="403">
        <v>914247364740</v>
      </c>
      <c r="J90" s="404">
        <v>0.94499999999999995</v>
      </c>
      <c r="K90" s="405">
        <v>0.96799999999999997</v>
      </c>
      <c r="L90" s="405">
        <v>0.9</v>
      </c>
      <c r="M90" s="406">
        <v>1</v>
      </c>
      <c r="N90" s="407">
        <v>1</v>
      </c>
      <c r="O90" s="372">
        <v>1</v>
      </c>
      <c r="P90" s="1200"/>
    </row>
    <row r="91" spans="1:16" ht="19.95" customHeight="1" x14ac:dyDescent="0.15">
      <c r="J91" s="409"/>
      <c r="K91" s="409"/>
      <c r="L91" s="409"/>
      <c r="M91" s="409"/>
      <c r="N91" s="409"/>
      <c r="O91" s="409"/>
    </row>
    <row r="92" spans="1:16" ht="15" customHeight="1" x14ac:dyDescent="0.15">
      <c r="A92" s="445" t="s">
        <v>498</v>
      </c>
      <c r="J92" s="409"/>
      <c r="K92" s="409"/>
      <c r="L92" s="409"/>
      <c r="M92" s="409"/>
      <c r="N92" s="409"/>
      <c r="O92" s="409"/>
    </row>
    <row r="93" spans="1:16" ht="10.199999999999999" customHeight="1" thickBot="1" x14ac:dyDescent="0.2">
      <c r="B93" s="447"/>
      <c r="D93" s="410"/>
      <c r="E93" s="410"/>
      <c r="F93" s="410"/>
      <c r="G93" s="410"/>
      <c r="H93" s="410"/>
      <c r="I93" s="410"/>
      <c r="J93" s="409"/>
      <c r="K93" s="409"/>
      <c r="L93" s="409"/>
      <c r="M93" s="409"/>
      <c r="N93" s="409"/>
      <c r="O93" s="409"/>
    </row>
    <row r="94" spans="1:16" s="322" customFormat="1" ht="19.95" customHeight="1" x14ac:dyDescent="0.2">
      <c r="A94" s="1444" t="s">
        <v>48</v>
      </c>
      <c r="B94" s="1445"/>
      <c r="C94" s="1445"/>
      <c r="D94" s="1446"/>
      <c r="E94" s="729"/>
      <c r="F94" s="729" t="s">
        <v>591</v>
      </c>
      <c r="G94" s="375"/>
      <c r="H94" s="324" t="s">
        <v>507</v>
      </c>
      <c r="I94" s="324" t="s">
        <v>595</v>
      </c>
      <c r="J94" s="1457" t="s">
        <v>44</v>
      </c>
      <c r="K94" s="1458"/>
      <c r="L94" s="1458"/>
      <c r="M94" s="1390" t="s">
        <v>519</v>
      </c>
      <c r="N94" s="1391"/>
      <c r="O94" s="1392"/>
      <c r="P94" s="1173"/>
    </row>
    <row r="95" spans="1:16" s="322" customFormat="1" ht="19.95" customHeight="1" x14ac:dyDescent="0.2">
      <c r="A95" s="1447"/>
      <c r="B95" s="1448"/>
      <c r="C95" s="1448"/>
      <c r="D95" s="1449"/>
      <c r="E95" s="299" t="s">
        <v>440</v>
      </c>
      <c r="F95" s="411" t="s">
        <v>457</v>
      </c>
      <c r="G95" s="259" t="s">
        <v>458</v>
      </c>
      <c r="H95" s="232" t="s">
        <v>596</v>
      </c>
      <c r="I95" s="232" t="s">
        <v>46</v>
      </c>
      <c r="J95" s="412" t="s">
        <v>585</v>
      </c>
      <c r="K95" s="412" t="s">
        <v>502</v>
      </c>
      <c r="L95" s="413" t="s">
        <v>594</v>
      </c>
      <c r="M95" s="327" t="s">
        <v>593</v>
      </c>
      <c r="N95" s="328" t="s">
        <v>592</v>
      </c>
      <c r="O95" s="329" t="s">
        <v>520</v>
      </c>
      <c r="P95" s="1173"/>
    </row>
    <row r="96" spans="1:16" s="322" customFormat="1" ht="25.2" customHeight="1" x14ac:dyDescent="0.2">
      <c r="A96" s="230" t="s">
        <v>285</v>
      </c>
      <c r="B96" s="724"/>
      <c r="C96" s="724"/>
      <c r="D96" s="231"/>
      <c r="E96" s="1205">
        <v>8857101327</v>
      </c>
      <c r="F96" s="414">
        <v>8221094971</v>
      </c>
      <c r="G96" s="415">
        <v>636006356</v>
      </c>
      <c r="H96" s="416">
        <v>-5066475447</v>
      </c>
      <c r="I96" s="416">
        <v>-12256992573</v>
      </c>
      <c r="J96" s="417">
        <v>-1.748</v>
      </c>
      <c r="K96" s="417">
        <v>0.41299999999999998</v>
      </c>
      <c r="L96" s="417">
        <v>-1.02</v>
      </c>
      <c r="M96" s="301" t="s">
        <v>477</v>
      </c>
      <c r="N96" s="301" t="s">
        <v>39</v>
      </c>
      <c r="O96" s="302" t="s">
        <v>39</v>
      </c>
      <c r="P96" s="1173"/>
    </row>
    <row r="97" spans="1:16" s="322" customFormat="1" ht="25.2" customHeight="1" thickBot="1" x14ac:dyDescent="0.25">
      <c r="A97" s="1206" t="s">
        <v>286</v>
      </c>
      <c r="B97" s="1207"/>
      <c r="C97" s="1208"/>
      <c r="D97" s="1209"/>
      <c r="E97" s="1210">
        <v>24846950952</v>
      </c>
      <c r="F97" s="418">
        <v>18229124993</v>
      </c>
      <c r="G97" s="418">
        <v>6617825959</v>
      </c>
      <c r="H97" s="419">
        <v>17080149943</v>
      </c>
      <c r="I97" s="420">
        <v>22696493463</v>
      </c>
      <c r="J97" s="421">
        <v>1.4550000000000001</v>
      </c>
      <c r="K97" s="421">
        <v>0.753</v>
      </c>
      <c r="L97" s="421">
        <v>0.52700000000000002</v>
      </c>
      <c r="M97" s="422" t="s">
        <v>477</v>
      </c>
      <c r="N97" s="423" t="s">
        <v>39</v>
      </c>
      <c r="O97" s="424" t="s">
        <v>39</v>
      </c>
      <c r="P97" s="1173"/>
    </row>
    <row r="98" spans="1:16" ht="15" customHeight="1" x14ac:dyDescent="0.15"/>
    <row r="99" spans="1:16" ht="15" customHeight="1" x14ac:dyDescent="0.15"/>
    <row r="100" spans="1:16" ht="15" customHeight="1" x14ac:dyDescent="0.15">
      <c r="F100" s="1211"/>
    </row>
    <row r="101" spans="1:16" ht="15" customHeight="1" x14ac:dyDescent="0.15">
      <c r="F101" s="1212"/>
      <c r="G101" s="1212"/>
    </row>
    <row r="102" spans="1:16" ht="15" customHeight="1" x14ac:dyDescent="0.15">
      <c r="F102" s="1212"/>
    </row>
    <row r="103" spans="1:16" ht="15" customHeight="1" x14ac:dyDescent="0.15"/>
  </sheetData>
  <mergeCells count="66">
    <mergeCell ref="A51:D51"/>
    <mergeCell ref="B77:D77"/>
    <mergeCell ref="A44:D44"/>
    <mergeCell ref="A43:D43"/>
    <mergeCell ref="A42:D42"/>
    <mergeCell ref="A52:A62"/>
    <mergeCell ref="B52:B55"/>
    <mergeCell ref="B57:D57"/>
    <mergeCell ref="B56:D56"/>
    <mergeCell ref="B58:D58"/>
    <mergeCell ref="B59:D59"/>
    <mergeCell ref="B60:D60"/>
    <mergeCell ref="B61:D61"/>
    <mergeCell ref="A94:D95"/>
    <mergeCell ref="J94:L94"/>
    <mergeCell ref="A5:D6"/>
    <mergeCell ref="A7:D7"/>
    <mergeCell ref="A8:A16"/>
    <mergeCell ref="B11:D11"/>
    <mergeCell ref="B16:D16"/>
    <mergeCell ref="J5:L5"/>
    <mergeCell ref="A17:D17"/>
    <mergeCell ref="B20:D20"/>
    <mergeCell ref="B26:D26"/>
    <mergeCell ref="C24:D24"/>
    <mergeCell ref="A29:B30"/>
    <mergeCell ref="B22:B25"/>
    <mergeCell ref="A19:A27"/>
    <mergeCell ref="B27:D27"/>
    <mergeCell ref="C29:D29"/>
    <mergeCell ref="C30:D30"/>
    <mergeCell ref="A28:D28"/>
    <mergeCell ref="M5:O5"/>
    <mergeCell ref="M49:O49"/>
    <mergeCell ref="J49:L49"/>
    <mergeCell ref="A49:D50"/>
    <mergeCell ref="A18:D18"/>
    <mergeCell ref="B8:D8"/>
    <mergeCell ref="B21:D21"/>
    <mergeCell ref="C81:D81"/>
    <mergeCell ref="C82:D82"/>
    <mergeCell ref="A63:A70"/>
    <mergeCell ref="B63:B65"/>
    <mergeCell ref="A81:B82"/>
    <mergeCell ref="B70:D70"/>
    <mergeCell ref="C68:D68"/>
    <mergeCell ref="C65:D65"/>
    <mergeCell ref="A78:A80"/>
    <mergeCell ref="B78:D78"/>
    <mergeCell ref="B79:D79"/>
    <mergeCell ref="M94:O94"/>
    <mergeCell ref="F8:F14"/>
    <mergeCell ref="C54:D54"/>
    <mergeCell ref="B62:D62"/>
    <mergeCell ref="A90:D90"/>
    <mergeCell ref="B80:D80"/>
    <mergeCell ref="B66:B68"/>
    <mergeCell ref="A71:A77"/>
    <mergeCell ref="B71:B72"/>
    <mergeCell ref="B73:B74"/>
    <mergeCell ref="B75:B76"/>
    <mergeCell ref="B69:D69"/>
    <mergeCell ref="A31:A38"/>
    <mergeCell ref="B31:B37"/>
    <mergeCell ref="C31:C32"/>
    <mergeCell ref="B38:D38"/>
  </mergeCells>
  <phoneticPr fontId="6"/>
  <printOptions horizontalCentered="1"/>
  <pageMargins left="0.47244094488188981" right="0.47244094488188981" top="0.39370078740157483" bottom="0" header="0.23622047244094491" footer="0.35433070866141736"/>
  <pageSetup paperSize="9" scale="69" fitToHeight="0" orientation="portrait" blackAndWhite="1" r:id="rId1"/>
  <headerFooter alignWithMargins="0"/>
  <rowBreaks count="1" manualBreakCount="1">
    <brk id="45" max="33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 transitionEntry="1" codeName="Sheet57"/>
  <dimension ref="A1:AA95"/>
  <sheetViews>
    <sheetView zoomScaleNormal="100" zoomScaleSheetLayoutView="100" workbookViewId="0"/>
  </sheetViews>
  <sheetFormatPr defaultColWidth="14.109375" defaultRowHeight="9.6" x14ac:dyDescent="0.15"/>
  <cols>
    <col min="1" max="1" width="3.6640625" style="30" customWidth="1"/>
    <col min="2" max="2" width="9.6640625" style="30" customWidth="1"/>
    <col min="3" max="4" width="9.33203125" style="30" customWidth="1"/>
    <col min="5" max="7" width="11.109375" style="30" customWidth="1"/>
    <col min="8" max="9" width="8" style="30" customWidth="1"/>
    <col min="10" max="10" width="10.6640625" style="30" customWidth="1"/>
    <col min="11" max="13" width="11.109375" style="30" customWidth="1"/>
    <col min="14" max="15" width="8" style="30" customWidth="1"/>
    <col min="16" max="16" width="12.44140625" style="30" customWidth="1"/>
    <col min="17" max="17" width="3.6640625" style="30" customWidth="1"/>
    <col min="18" max="18" width="10" style="30" customWidth="1"/>
    <col min="19" max="19" width="10.6640625" style="30" customWidth="1"/>
    <col min="20" max="21" width="11.109375" style="30" customWidth="1"/>
    <col min="22" max="22" width="10.6640625" style="30" customWidth="1"/>
    <col min="23" max="24" width="8.109375" style="30" customWidth="1"/>
    <col min="25" max="25" width="16.109375" style="30" customWidth="1"/>
    <col min="26" max="242" width="14.109375" style="30" customWidth="1"/>
    <col min="243" max="16384" width="14.109375" style="30"/>
  </cols>
  <sheetData>
    <row r="1" spans="1:24" s="27" customFormat="1" ht="13.5" customHeight="1" x14ac:dyDescent="0.2">
      <c r="A1" s="67" t="s">
        <v>558</v>
      </c>
      <c r="Q1" s="67" t="s">
        <v>559</v>
      </c>
      <c r="S1" s="1347"/>
    </row>
    <row r="2" spans="1:24" ht="12.75" customHeight="1" thickBot="1" x14ac:dyDescent="0.2">
      <c r="A2" s="28"/>
      <c r="B2" s="29"/>
      <c r="C2" s="29"/>
      <c r="D2" s="29"/>
      <c r="E2" s="29"/>
      <c r="F2" s="29"/>
      <c r="G2" s="29"/>
      <c r="H2" s="29"/>
      <c r="I2" s="1348"/>
      <c r="J2" s="1349"/>
      <c r="K2" s="1349"/>
      <c r="L2" s="1349"/>
      <c r="M2" s="1349"/>
      <c r="N2" s="1349"/>
      <c r="O2" s="1349"/>
      <c r="P2" s="41" t="s">
        <v>339</v>
      </c>
      <c r="Q2" s="1349"/>
      <c r="R2" s="1350"/>
      <c r="S2" s="29"/>
      <c r="T2" s="29"/>
      <c r="U2" s="29"/>
      <c r="V2" s="29"/>
      <c r="W2" s="29"/>
      <c r="X2" s="41" t="s">
        <v>339</v>
      </c>
    </row>
    <row r="3" spans="1:24" s="26" customFormat="1" ht="13.2" customHeight="1" x14ac:dyDescent="0.15">
      <c r="A3" s="1751" t="s">
        <v>0</v>
      </c>
      <c r="B3" s="1752"/>
      <c r="C3" s="621" t="s">
        <v>183</v>
      </c>
      <c r="D3" s="622" t="s">
        <v>183</v>
      </c>
      <c r="E3" s="1757" t="s">
        <v>238</v>
      </c>
      <c r="F3" s="1760"/>
      <c r="G3" s="1760"/>
      <c r="H3" s="1760"/>
      <c r="I3" s="1760"/>
      <c r="J3" s="1761"/>
      <c r="K3" s="1757" t="s">
        <v>278</v>
      </c>
      <c r="L3" s="1758"/>
      <c r="M3" s="1758"/>
      <c r="N3" s="1758"/>
      <c r="O3" s="1758"/>
      <c r="P3" s="1759"/>
      <c r="Q3" s="1751" t="s">
        <v>0</v>
      </c>
      <c r="R3" s="1752"/>
      <c r="S3" s="623" t="s">
        <v>101</v>
      </c>
      <c r="T3" s="1748" t="s">
        <v>239</v>
      </c>
      <c r="U3" s="1749"/>
      <c r="V3" s="1749"/>
      <c r="W3" s="1749"/>
      <c r="X3" s="1750"/>
    </row>
    <row r="4" spans="1:24" s="26" customFormat="1" ht="12" customHeight="1" x14ac:dyDescent="0.15">
      <c r="A4" s="1753"/>
      <c r="B4" s="1754"/>
      <c r="C4" s="10" t="s">
        <v>163</v>
      </c>
      <c r="D4" s="624" t="s">
        <v>163</v>
      </c>
      <c r="E4" s="625" t="s">
        <v>102</v>
      </c>
      <c r="F4" s="626" t="s">
        <v>103</v>
      </c>
      <c r="G4" s="626" t="s">
        <v>104</v>
      </c>
      <c r="H4" s="626" t="s">
        <v>105</v>
      </c>
      <c r="I4" s="626" t="s">
        <v>105</v>
      </c>
      <c r="J4" s="627" t="s">
        <v>106</v>
      </c>
      <c r="K4" s="625" t="s">
        <v>102</v>
      </c>
      <c r="L4" s="626" t="s">
        <v>103</v>
      </c>
      <c r="M4" s="626" t="s">
        <v>104</v>
      </c>
      <c r="N4" s="626" t="s">
        <v>105</v>
      </c>
      <c r="O4" s="626" t="s">
        <v>105</v>
      </c>
      <c r="P4" s="628" t="s">
        <v>106</v>
      </c>
      <c r="Q4" s="1753"/>
      <c r="R4" s="1754"/>
      <c r="S4" s="629" t="s">
        <v>163</v>
      </c>
      <c r="T4" s="626" t="s">
        <v>102</v>
      </c>
      <c r="U4" s="626" t="s">
        <v>103</v>
      </c>
      <c r="V4" s="626" t="s">
        <v>104</v>
      </c>
      <c r="W4" s="626" t="s">
        <v>105</v>
      </c>
      <c r="X4" s="627" t="s">
        <v>105</v>
      </c>
    </row>
    <row r="5" spans="1:24" s="26" customFormat="1" ht="12" customHeight="1" x14ac:dyDescent="0.15">
      <c r="A5" s="1753"/>
      <c r="B5" s="1754"/>
      <c r="C5" s="630" t="s">
        <v>137</v>
      </c>
      <c r="D5" s="631" t="s">
        <v>136</v>
      </c>
      <c r="E5" s="632" t="s">
        <v>107</v>
      </c>
      <c r="F5" s="630" t="s">
        <v>138</v>
      </c>
      <c r="G5" s="630" t="s">
        <v>108</v>
      </c>
      <c r="H5" s="630" t="s">
        <v>109</v>
      </c>
      <c r="I5" s="630" t="s">
        <v>110</v>
      </c>
      <c r="J5" s="631" t="s">
        <v>111</v>
      </c>
      <c r="K5" s="632" t="s">
        <v>107</v>
      </c>
      <c r="L5" s="630" t="s">
        <v>138</v>
      </c>
      <c r="M5" s="630" t="s">
        <v>108</v>
      </c>
      <c r="N5" s="630" t="s">
        <v>109</v>
      </c>
      <c r="O5" s="630" t="s">
        <v>110</v>
      </c>
      <c r="P5" s="631" t="s">
        <v>111</v>
      </c>
      <c r="Q5" s="1753"/>
      <c r="R5" s="1754"/>
      <c r="S5" s="633" t="s">
        <v>175</v>
      </c>
      <c r="T5" s="634" t="s">
        <v>144</v>
      </c>
      <c r="U5" s="630" t="s">
        <v>138</v>
      </c>
      <c r="V5" s="630" t="s">
        <v>140</v>
      </c>
      <c r="W5" s="630" t="s">
        <v>109</v>
      </c>
      <c r="X5" s="631" t="s">
        <v>110</v>
      </c>
    </row>
    <row r="6" spans="1:24" s="26" customFormat="1" ht="12" customHeight="1" thickBot="1" x14ac:dyDescent="0.2">
      <c r="A6" s="1755"/>
      <c r="B6" s="1756"/>
      <c r="C6" s="635" t="s">
        <v>184</v>
      </c>
      <c r="D6" s="636" t="s">
        <v>139</v>
      </c>
      <c r="E6" s="637" t="s">
        <v>146</v>
      </c>
      <c r="F6" s="638" t="s">
        <v>185</v>
      </c>
      <c r="G6" s="639" t="s">
        <v>112</v>
      </c>
      <c r="H6" s="638" t="s">
        <v>113</v>
      </c>
      <c r="I6" s="640" t="s">
        <v>186</v>
      </c>
      <c r="J6" s="641" t="s">
        <v>187</v>
      </c>
      <c r="K6" s="642" t="s">
        <v>146</v>
      </c>
      <c r="L6" s="638" t="s">
        <v>185</v>
      </c>
      <c r="M6" s="11" t="s">
        <v>112</v>
      </c>
      <c r="N6" s="31" t="s">
        <v>113</v>
      </c>
      <c r="O6" s="635" t="s">
        <v>186</v>
      </c>
      <c r="P6" s="641" t="s">
        <v>187</v>
      </c>
      <c r="Q6" s="1755"/>
      <c r="R6" s="1756"/>
      <c r="S6" s="635" t="s">
        <v>188</v>
      </c>
      <c r="T6" s="11" t="s">
        <v>146</v>
      </c>
      <c r="U6" s="643" t="s">
        <v>147</v>
      </c>
      <c r="V6" s="11" t="s">
        <v>112</v>
      </c>
      <c r="W6" s="31" t="s">
        <v>113</v>
      </c>
      <c r="X6" s="644" t="s">
        <v>114</v>
      </c>
    </row>
    <row r="7" spans="1:24" s="26" customFormat="1" ht="15" customHeight="1" thickTop="1" x14ac:dyDescent="0.15">
      <c r="A7" s="33">
        <v>1</v>
      </c>
      <c r="B7" s="66" t="s">
        <v>200</v>
      </c>
      <c r="C7" s="320">
        <v>685368</v>
      </c>
      <c r="D7" s="645">
        <v>685351</v>
      </c>
      <c r="E7" s="646">
        <v>638828227</v>
      </c>
      <c r="F7" s="320">
        <v>112280303</v>
      </c>
      <c r="G7" s="320">
        <v>526546849</v>
      </c>
      <c r="H7" s="320">
        <v>932</v>
      </c>
      <c r="I7" s="647">
        <v>768</v>
      </c>
      <c r="J7" s="645">
        <v>1075</v>
      </c>
      <c r="K7" s="646">
        <v>638828227</v>
      </c>
      <c r="L7" s="320">
        <v>138472378</v>
      </c>
      <c r="M7" s="320">
        <v>500354774</v>
      </c>
      <c r="N7" s="320">
        <v>932</v>
      </c>
      <c r="O7" s="320">
        <v>730</v>
      </c>
      <c r="P7" s="648">
        <v>1075</v>
      </c>
      <c r="Q7" s="33">
        <v>1</v>
      </c>
      <c r="R7" s="66" t="s">
        <v>200</v>
      </c>
      <c r="S7" s="320">
        <v>225629</v>
      </c>
      <c r="T7" s="320">
        <v>264356072</v>
      </c>
      <c r="U7" s="320">
        <v>64479821</v>
      </c>
      <c r="V7" s="320">
        <v>199876251</v>
      </c>
      <c r="W7" s="320">
        <v>1172</v>
      </c>
      <c r="X7" s="645">
        <v>886</v>
      </c>
    </row>
    <row r="8" spans="1:24" s="26" customFormat="1" ht="15" customHeight="1" x14ac:dyDescent="0.15">
      <c r="A8" s="33">
        <v>2</v>
      </c>
      <c r="B8" s="65" t="s">
        <v>2</v>
      </c>
      <c r="C8" s="320">
        <v>258897</v>
      </c>
      <c r="D8" s="645">
        <v>258893</v>
      </c>
      <c r="E8" s="646">
        <v>258313699</v>
      </c>
      <c r="F8" s="320">
        <v>46878406</v>
      </c>
      <c r="G8" s="320">
        <v>211435293</v>
      </c>
      <c r="H8" s="320">
        <v>998</v>
      </c>
      <c r="I8" s="647">
        <v>817</v>
      </c>
      <c r="J8" s="645">
        <v>0</v>
      </c>
      <c r="K8" s="646">
        <v>258313699</v>
      </c>
      <c r="L8" s="320">
        <v>57812205</v>
      </c>
      <c r="M8" s="320">
        <v>200501494</v>
      </c>
      <c r="N8" s="320">
        <v>998</v>
      </c>
      <c r="O8" s="320">
        <v>774</v>
      </c>
      <c r="P8" s="649">
        <v>0</v>
      </c>
      <c r="Q8" s="33">
        <v>2</v>
      </c>
      <c r="R8" s="65" t="s">
        <v>2</v>
      </c>
      <c r="S8" s="320">
        <v>88619</v>
      </c>
      <c r="T8" s="320">
        <v>109899496</v>
      </c>
      <c r="U8" s="320">
        <v>24901162</v>
      </c>
      <c r="V8" s="320">
        <v>84998334</v>
      </c>
      <c r="W8" s="320">
        <v>1240</v>
      </c>
      <c r="X8" s="645">
        <v>959</v>
      </c>
    </row>
    <row r="9" spans="1:24" s="26" customFormat="1" ht="15" customHeight="1" x14ac:dyDescent="0.15">
      <c r="A9" s="33">
        <v>3</v>
      </c>
      <c r="B9" s="65" t="s">
        <v>3</v>
      </c>
      <c r="C9" s="320">
        <v>89926</v>
      </c>
      <c r="D9" s="645">
        <v>89923</v>
      </c>
      <c r="E9" s="646">
        <v>64301972</v>
      </c>
      <c r="F9" s="320">
        <v>4327830</v>
      </c>
      <c r="G9" s="320">
        <v>59974142</v>
      </c>
      <c r="H9" s="320">
        <v>715</v>
      </c>
      <c r="I9" s="647">
        <v>667</v>
      </c>
      <c r="J9" s="645">
        <v>0</v>
      </c>
      <c r="K9" s="646">
        <v>64301972</v>
      </c>
      <c r="L9" s="320">
        <v>6026845</v>
      </c>
      <c r="M9" s="320">
        <v>58275127</v>
      </c>
      <c r="N9" s="320">
        <v>715</v>
      </c>
      <c r="O9" s="320">
        <v>648</v>
      </c>
      <c r="P9" s="649">
        <v>0</v>
      </c>
      <c r="Q9" s="33">
        <v>3</v>
      </c>
      <c r="R9" s="65" t="s">
        <v>3</v>
      </c>
      <c r="S9" s="320">
        <v>27346</v>
      </c>
      <c r="T9" s="320">
        <v>25006632</v>
      </c>
      <c r="U9" s="320">
        <v>2774207</v>
      </c>
      <c r="V9" s="320">
        <v>22232425</v>
      </c>
      <c r="W9" s="320">
        <v>914</v>
      </c>
      <c r="X9" s="645">
        <v>813</v>
      </c>
    </row>
    <row r="10" spans="1:24" s="26" customFormat="1" ht="15" customHeight="1" x14ac:dyDescent="0.15">
      <c r="A10" s="33">
        <v>4</v>
      </c>
      <c r="B10" s="65" t="s">
        <v>4</v>
      </c>
      <c r="C10" s="320">
        <v>56326</v>
      </c>
      <c r="D10" s="645">
        <v>56326</v>
      </c>
      <c r="E10" s="646">
        <v>41748440</v>
      </c>
      <c r="F10" s="320">
        <v>4503402</v>
      </c>
      <c r="G10" s="320">
        <v>37245038</v>
      </c>
      <c r="H10" s="320">
        <v>741</v>
      </c>
      <c r="I10" s="647">
        <v>661</v>
      </c>
      <c r="J10" s="645">
        <v>0</v>
      </c>
      <c r="K10" s="646">
        <v>41748440</v>
      </c>
      <c r="L10" s="320">
        <v>5996856</v>
      </c>
      <c r="M10" s="320">
        <v>35751584</v>
      </c>
      <c r="N10" s="320">
        <v>741</v>
      </c>
      <c r="O10" s="320">
        <v>635</v>
      </c>
      <c r="P10" s="649">
        <v>0</v>
      </c>
      <c r="Q10" s="33">
        <v>4</v>
      </c>
      <c r="R10" s="65" t="s">
        <v>4</v>
      </c>
      <c r="S10" s="320">
        <v>17674</v>
      </c>
      <c r="T10" s="320">
        <v>15645181</v>
      </c>
      <c r="U10" s="320">
        <v>2025661</v>
      </c>
      <c r="V10" s="320">
        <v>13619520</v>
      </c>
      <c r="W10" s="320">
        <v>885</v>
      </c>
      <c r="X10" s="645">
        <v>771</v>
      </c>
    </row>
    <row r="11" spans="1:24" s="26" customFormat="1" ht="15" customHeight="1" x14ac:dyDescent="0.15">
      <c r="A11" s="33">
        <v>5</v>
      </c>
      <c r="B11" s="65" t="s">
        <v>5</v>
      </c>
      <c r="C11" s="320">
        <v>36431</v>
      </c>
      <c r="D11" s="645">
        <v>36428</v>
      </c>
      <c r="E11" s="646">
        <v>45524049</v>
      </c>
      <c r="F11" s="320">
        <v>15248988</v>
      </c>
      <c r="G11" s="320">
        <v>30274252</v>
      </c>
      <c r="H11" s="320">
        <v>1250</v>
      </c>
      <c r="I11" s="647">
        <v>831</v>
      </c>
      <c r="J11" s="645">
        <v>809</v>
      </c>
      <c r="K11" s="646">
        <v>45524049</v>
      </c>
      <c r="L11" s="320">
        <v>17191878</v>
      </c>
      <c r="M11" s="320">
        <v>28331362</v>
      </c>
      <c r="N11" s="320">
        <v>1250</v>
      </c>
      <c r="O11" s="320">
        <v>778</v>
      </c>
      <c r="P11" s="649">
        <v>809</v>
      </c>
      <c r="Q11" s="33">
        <v>5</v>
      </c>
      <c r="R11" s="65" t="s">
        <v>5</v>
      </c>
      <c r="S11" s="320">
        <v>13133</v>
      </c>
      <c r="T11" s="320">
        <v>16035506</v>
      </c>
      <c r="U11" s="320">
        <v>4485523</v>
      </c>
      <c r="V11" s="320">
        <v>11549983</v>
      </c>
      <c r="W11" s="320">
        <v>1221</v>
      </c>
      <c r="X11" s="645">
        <v>879</v>
      </c>
    </row>
    <row r="12" spans="1:24" s="26" customFormat="1" ht="15" customHeight="1" x14ac:dyDescent="0.15">
      <c r="A12" s="33">
        <v>6</v>
      </c>
      <c r="B12" s="65" t="s">
        <v>6</v>
      </c>
      <c r="C12" s="320">
        <v>84415</v>
      </c>
      <c r="D12" s="645">
        <v>84413</v>
      </c>
      <c r="E12" s="646">
        <v>75212432</v>
      </c>
      <c r="F12" s="320">
        <v>12714968</v>
      </c>
      <c r="G12" s="320">
        <v>62497464</v>
      </c>
      <c r="H12" s="320">
        <v>891</v>
      </c>
      <c r="I12" s="647">
        <v>740</v>
      </c>
      <c r="J12" s="645">
        <v>0</v>
      </c>
      <c r="K12" s="646">
        <v>75212432</v>
      </c>
      <c r="L12" s="320">
        <v>16074212</v>
      </c>
      <c r="M12" s="320">
        <v>59138220</v>
      </c>
      <c r="N12" s="320">
        <v>891</v>
      </c>
      <c r="O12" s="320">
        <v>701</v>
      </c>
      <c r="P12" s="649">
        <v>0</v>
      </c>
      <c r="Q12" s="33">
        <v>6</v>
      </c>
      <c r="R12" s="65" t="s">
        <v>6</v>
      </c>
      <c r="S12" s="320">
        <v>28010</v>
      </c>
      <c r="T12" s="320">
        <v>31660415</v>
      </c>
      <c r="U12" s="320">
        <v>6948210</v>
      </c>
      <c r="V12" s="320">
        <v>24712205</v>
      </c>
      <c r="W12" s="320">
        <v>1130</v>
      </c>
      <c r="X12" s="645">
        <v>882</v>
      </c>
    </row>
    <row r="13" spans="1:24" s="26" customFormat="1" ht="15" customHeight="1" x14ac:dyDescent="0.15">
      <c r="A13" s="33">
        <v>7</v>
      </c>
      <c r="B13" s="65" t="s">
        <v>7</v>
      </c>
      <c r="C13" s="320">
        <v>40648</v>
      </c>
      <c r="D13" s="645">
        <v>40645</v>
      </c>
      <c r="E13" s="646">
        <v>29585138</v>
      </c>
      <c r="F13" s="320">
        <v>2753831</v>
      </c>
      <c r="G13" s="320">
        <v>26831307</v>
      </c>
      <c r="H13" s="320">
        <v>728</v>
      </c>
      <c r="I13" s="647">
        <v>660</v>
      </c>
      <c r="J13" s="645">
        <v>0</v>
      </c>
      <c r="K13" s="646">
        <v>29585138</v>
      </c>
      <c r="L13" s="320">
        <v>3792856</v>
      </c>
      <c r="M13" s="320">
        <v>25792282</v>
      </c>
      <c r="N13" s="320">
        <v>728</v>
      </c>
      <c r="O13" s="320">
        <v>635</v>
      </c>
      <c r="P13" s="649">
        <v>0</v>
      </c>
      <c r="Q13" s="33">
        <v>7</v>
      </c>
      <c r="R13" s="65" t="s">
        <v>7</v>
      </c>
      <c r="S13" s="320">
        <v>13029</v>
      </c>
      <c r="T13" s="320">
        <v>11631085</v>
      </c>
      <c r="U13" s="320">
        <v>1599134</v>
      </c>
      <c r="V13" s="320">
        <v>10031951</v>
      </c>
      <c r="W13" s="320">
        <v>893</v>
      </c>
      <c r="X13" s="645">
        <v>770</v>
      </c>
    </row>
    <row r="14" spans="1:24" s="26" customFormat="1" ht="15" customHeight="1" x14ac:dyDescent="0.15">
      <c r="A14" s="33">
        <v>8</v>
      </c>
      <c r="B14" s="65" t="s">
        <v>8</v>
      </c>
      <c r="C14" s="320">
        <v>49644</v>
      </c>
      <c r="D14" s="645">
        <v>49643</v>
      </c>
      <c r="E14" s="646">
        <v>42736640</v>
      </c>
      <c r="F14" s="320">
        <v>6805747</v>
      </c>
      <c r="G14" s="320">
        <v>35930893</v>
      </c>
      <c r="H14" s="320">
        <v>861</v>
      </c>
      <c r="I14" s="647">
        <v>724</v>
      </c>
      <c r="J14" s="645">
        <v>0</v>
      </c>
      <c r="K14" s="646">
        <v>42736640</v>
      </c>
      <c r="L14" s="320">
        <v>8423624</v>
      </c>
      <c r="M14" s="320">
        <v>34313016</v>
      </c>
      <c r="N14" s="320">
        <v>861</v>
      </c>
      <c r="O14" s="320">
        <v>691</v>
      </c>
      <c r="P14" s="649">
        <v>0</v>
      </c>
      <c r="Q14" s="33">
        <v>8</v>
      </c>
      <c r="R14" s="65" t="s">
        <v>8</v>
      </c>
      <c r="S14" s="320">
        <v>16352</v>
      </c>
      <c r="T14" s="320">
        <v>16622896</v>
      </c>
      <c r="U14" s="320">
        <v>2873878</v>
      </c>
      <c r="V14" s="320">
        <v>13749018</v>
      </c>
      <c r="W14" s="320">
        <v>1017</v>
      </c>
      <c r="X14" s="645">
        <v>841</v>
      </c>
    </row>
    <row r="15" spans="1:24" s="26" customFormat="1" ht="15" customHeight="1" x14ac:dyDescent="0.15">
      <c r="A15" s="33">
        <v>9</v>
      </c>
      <c r="B15" s="65" t="s">
        <v>9</v>
      </c>
      <c r="C15" s="320">
        <v>12849</v>
      </c>
      <c r="D15" s="645">
        <v>12848</v>
      </c>
      <c r="E15" s="646">
        <v>11538700</v>
      </c>
      <c r="F15" s="320">
        <v>1848063</v>
      </c>
      <c r="G15" s="320">
        <v>9690637</v>
      </c>
      <c r="H15" s="320">
        <v>898</v>
      </c>
      <c r="I15" s="647">
        <v>754</v>
      </c>
      <c r="J15" s="645">
        <v>0</v>
      </c>
      <c r="K15" s="646">
        <v>11538700</v>
      </c>
      <c r="L15" s="320">
        <v>2389094</v>
      </c>
      <c r="M15" s="320">
        <v>9149606</v>
      </c>
      <c r="N15" s="320">
        <v>898</v>
      </c>
      <c r="O15" s="320">
        <v>712</v>
      </c>
      <c r="P15" s="649">
        <v>0</v>
      </c>
      <c r="Q15" s="33">
        <v>9</v>
      </c>
      <c r="R15" s="65" t="s">
        <v>9</v>
      </c>
      <c r="S15" s="320">
        <v>4466</v>
      </c>
      <c r="T15" s="320">
        <v>5037978</v>
      </c>
      <c r="U15" s="320">
        <v>1243409</v>
      </c>
      <c r="V15" s="320">
        <v>3794569</v>
      </c>
      <c r="W15" s="320">
        <v>1128</v>
      </c>
      <c r="X15" s="645">
        <v>850</v>
      </c>
    </row>
    <row r="16" spans="1:24" s="26" customFormat="1" ht="15" customHeight="1" x14ac:dyDescent="0.15">
      <c r="A16" s="33">
        <v>10</v>
      </c>
      <c r="B16" s="65" t="s">
        <v>10</v>
      </c>
      <c r="C16" s="320">
        <v>153721</v>
      </c>
      <c r="D16" s="645">
        <v>153716</v>
      </c>
      <c r="E16" s="646">
        <v>117916045</v>
      </c>
      <c r="F16" s="320">
        <v>13986381</v>
      </c>
      <c r="G16" s="320">
        <v>103929664</v>
      </c>
      <c r="H16" s="320">
        <v>767</v>
      </c>
      <c r="I16" s="647">
        <v>676</v>
      </c>
      <c r="J16" s="645">
        <v>0</v>
      </c>
      <c r="K16" s="646">
        <v>117916045</v>
      </c>
      <c r="L16" s="320">
        <v>18327425</v>
      </c>
      <c r="M16" s="320">
        <v>99588620</v>
      </c>
      <c r="N16" s="320">
        <v>767</v>
      </c>
      <c r="O16" s="320">
        <v>648</v>
      </c>
      <c r="P16" s="649">
        <v>0</v>
      </c>
      <c r="Q16" s="33">
        <v>10</v>
      </c>
      <c r="R16" s="65" t="s">
        <v>10</v>
      </c>
      <c r="S16" s="320">
        <v>49418</v>
      </c>
      <c r="T16" s="320">
        <v>46326692</v>
      </c>
      <c r="U16" s="320">
        <v>6853410</v>
      </c>
      <c r="V16" s="320">
        <v>39473282</v>
      </c>
      <c r="W16" s="320">
        <v>937</v>
      </c>
      <c r="X16" s="645">
        <v>799</v>
      </c>
    </row>
    <row r="17" spans="1:27" s="26" customFormat="1" ht="15" customHeight="1" x14ac:dyDescent="0.15">
      <c r="A17" s="33">
        <v>11</v>
      </c>
      <c r="B17" s="65" t="s">
        <v>11</v>
      </c>
      <c r="C17" s="320">
        <v>12657</v>
      </c>
      <c r="D17" s="645">
        <v>12656</v>
      </c>
      <c r="E17" s="646">
        <v>8625652</v>
      </c>
      <c r="F17" s="320">
        <v>473091</v>
      </c>
      <c r="G17" s="320">
        <v>8152561</v>
      </c>
      <c r="H17" s="320">
        <v>681</v>
      </c>
      <c r="I17" s="647">
        <v>644</v>
      </c>
      <c r="J17" s="645">
        <v>0</v>
      </c>
      <c r="K17" s="646">
        <v>8625652</v>
      </c>
      <c r="L17" s="320">
        <v>806728</v>
      </c>
      <c r="M17" s="320">
        <v>7818924</v>
      </c>
      <c r="N17" s="320">
        <v>681</v>
      </c>
      <c r="O17" s="320">
        <v>618</v>
      </c>
      <c r="P17" s="649">
        <v>0</v>
      </c>
      <c r="Q17" s="33">
        <v>11</v>
      </c>
      <c r="R17" s="65" t="s">
        <v>11</v>
      </c>
      <c r="S17" s="320">
        <v>4137</v>
      </c>
      <c r="T17" s="320">
        <v>3404307</v>
      </c>
      <c r="U17" s="320">
        <v>152522</v>
      </c>
      <c r="V17" s="320">
        <v>3251785</v>
      </c>
      <c r="W17" s="320">
        <v>823</v>
      </c>
      <c r="X17" s="645">
        <v>786</v>
      </c>
    </row>
    <row r="18" spans="1:27" s="26" customFormat="1" ht="15" customHeight="1" x14ac:dyDescent="0.15">
      <c r="A18" s="33">
        <v>12</v>
      </c>
      <c r="B18" s="65" t="s">
        <v>12</v>
      </c>
      <c r="C18" s="320">
        <v>37723</v>
      </c>
      <c r="D18" s="645">
        <v>37721</v>
      </c>
      <c r="E18" s="646">
        <v>27443034</v>
      </c>
      <c r="F18" s="320">
        <v>2501494</v>
      </c>
      <c r="G18" s="320">
        <v>24941540</v>
      </c>
      <c r="H18" s="320">
        <v>727</v>
      </c>
      <c r="I18" s="647">
        <v>661</v>
      </c>
      <c r="J18" s="645">
        <v>0</v>
      </c>
      <c r="K18" s="646">
        <v>27443034</v>
      </c>
      <c r="L18" s="320">
        <v>3365459</v>
      </c>
      <c r="M18" s="320">
        <v>24077575</v>
      </c>
      <c r="N18" s="320">
        <v>727</v>
      </c>
      <c r="O18" s="320">
        <v>638</v>
      </c>
      <c r="P18" s="649">
        <v>0</v>
      </c>
      <c r="Q18" s="33">
        <v>12</v>
      </c>
      <c r="R18" s="65" t="s">
        <v>12</v>
      </c>
      <c r="S18" s="320">
        <v>10773</v>
      </c>
      <c r="T18" s="320">
        <v>9303719</v>
      </c>
      <c r="U18" s="320">
        <v>1307232</v>
      </c>
      <c r="V18" s="320">
        <v>7996487</v>
      </c>
      <c r="W18" s="320">
        <v>864</v>
      </c>
      <c r="X18" s="645">
        <v>742</v>
      </c>
    </row>
    <row r="19" spans="1:27" s="26" customFormat="1" ht="15" customHeight="1" x14ac:dyDescent="0.15">
      <c r="A19" s="33">
        <v>13</v>
      </c>
      <c r="B19" s="65" t="s">
        <v>13</v>
      </c>
      <c r="C19" s="320">
        <v>48871</v>
      </c>
      <c r="D19" s="645">
        <v>48868</v>
      </c>
      <c r="E19" s="646">
        <v>43352796</v>
      </c>
      <c r="F19" s="320">
        <v>4712596</v>
      </c>
      <c r="G19" s="320">
        <v>38640200</v>
      </c>
      <c r="H19" s="320">
        <v>887</v>
      </c>
      <c r="I19" s="647">
        <v>791</v>
      </c>
      <c r="J19" s="645">
        <v>0</v>
      </c>
      <c r="K19" s="646">
        <v>43352796</v>
      </c>
      <c r="L19" s="320">
        <v>6279925</v>
      </c>
      <c r="M19" s="320">
        <v>37072871</v>
      </c>
      <c r="N19" s="320">
        <v>887</v>
      </c>
      <c r="O19" s="320">
        <v>759</v>
      </c>
      <c r="P19" s="649">
        <v>0</v>
      </c>
      <c r="Q19" s="33">
        <v>13</v>
      </c>
      <c r="R19" s="65" t="s">
        <v>13</v>
      </c>
      <c r="S19" s="320">
        <v>14924</v>
      </c>
      <c r="T19" s="320">
        <v>19009378</v>
      </c>
      <c r="U19" s="320">
        <v>2313030</v>
      </c>
      <c r="V19" s="320">
        <v>16696348</v>
      </c>
      <c r="W19" s="320">
        <v>1274</v>
      </c>
      <c r="X19" s="645">
        <v>1119</v>
      </c>
    </row>
    <row r="20" spans="1:27" s="26" customFormat="1" ht="15" customHeight="1" x14ac:dyDescent="0.15">
      <c r="A20" s="33">
        <v>14</v>
      </c>
      <c r="B20" s="65" t="s">
        <v>14</v>
      </c>
      <c r="C20" s="320">
        <v>49735</v>
      </c>
      <c r="D20" s="645">
        <v>49734</v>
      </c>
      <c r="E20" s="646">
        <v>42314153</v>
      </c>
      <c r="F20" s="320">
        <v>6732804</v>
      </c>
      <c r="G20" s="320">
        <v>35581349</v>
      </c>
      <c r="H20" s="320">
        <v>851</v>
      </c>
      <c r="I20" s="647">
        <v>715</v>
      </c>
      <c r="J20" s="645">
        <v>0</v>
      </c>
      <c r="K20" s="646">
        <v>42314153</v>
      </c>
      <c r="L20" s="320">
        <v>8319301</v>
      </c>
      <c r="M20" s="320">
        <v>33994852</v>
      </c>
      <c r="N20" s="320">
        <v>851</v>
      </c>
      <c r="O20" s="320">
        <v>684</v>
      </c>
      <c r="P20" s="649">
        <v>0</v>
      </c>
      <c r="Q20" s="33">
        <v>14</v>
      </c>
      <c r="R20" s="65" t="s">
        <v>14</v>
      </c>
      <c r="S20" s="320">
        <v>16608</v>
      </c>
      <c r="T20" s="320">
        <v>18106305</v>
      </c>
      <c r="U20" s="320">
        <v>3890993</v>
      </c>
      <c r="V20" s="320">
        <v>14215312</v>
      </c>
      <c r="W20" s="320">
        <v>1090</v>
      </c>
      <c r="X20" s="645">
        <v>856</v>
      </c>
    </row>
    <row r="21" spans="1:27" s="26" customFormat="1" ht="15" customHeight="1" x14ac:dyDescent="0.15">
      <c r="A21" s="33">
        <v>15</v>
      </c>
      <c r="B21" s="65" t="s">
        <v>15</v>
      </c>
      <c r="C21" s="320">
        <v>20329</v>
      </c>
      <c r="D21" s="645">
        <v>20328</v>
      </c>
      <c r="E21" s="646">
        <v>16966202</v>
      </c>
      <c r="F21" s="320">
        <v>1826826</v>
      </c>
      <c r="G21" s="320">
        <v>15139376</v>
      </c>
      <c r="H21" s="320">
        <v>835</v>
      </c>
      <c r="I21" s="647">
        <v>745</v>
      </c>
      <c r="J21" s="645">
        <v>0</v>
      </c>
      <c r="K21" s="646">
        <v>16966202</v>
      </c>
      <c r="L21" s="320">
        <v>2524863</v>
      </c>
      <c r="M21" s="320">
        <v>14441339</v>
      </c>
      <c r="N21" s="320">
        <v>835</v>
      </c>
      <c r="O21" s="320">
        <v>710</v>
      </c>
      <c r="P21" s="649">
        <v>0</v>
      </c>
      <c r="Q21" s="33">
        <v>15</v>
      </c>
      <c r="R21" s="65" t="s">
        <v>15</v>
      </c>
      <c r="S21" s="320">
        <v>6253</v>
      </c>
      <c r="T21" s="320">
        <v>6216971</v>
      </c>
      <c r="U21" s="320">
        <v>775327</v>
      </c>
      <c r="V21" s="320">
        <v>5441644</v>
      </c>
      <c r="W21" s="320">
        <v>994</v>
      </c>
      <c r="X21" s="645">
        <v>870</v>
      </c>
    </row>
    <row r="22" spans="1:27" s="26" customFormat="1" ht="15" customHeight="1" x14ac:dyDescent="0.15">
      <c r="A22" s="33">
        <v>16</v>
      </c>
      <c r="B22" s="65" t="s">
        <v>16</v>
      </c>
      <c r="C22" s="320">
        <v>27189</v>
      </c>
      <c r="D22" s="645">
        <v>27189</v>
      </c>
      <c r="E22" s="646">
        <v>23045908</v>
      </c>
      <c r="F22" s="320">
        <v>3005710</v>
      </c>
      <c r="G22" s="320">
        <v>20040198</v>
      </c>
      <c r="H22" s="320">
        <v>848</v>
      </c>
      <c r="I22" s="647">
        <v>737</v>
      </c>
      <c r="J22" s="645">
        <v>0</v>
      </c>
      <c r="K22" s="646">
        <v>23045908</v>
      </c>
      <c r="L22" s="320">
        <v>3932518</v>
      </c>
      <c r="M22" s="320">
        <v>19113390</v>
      </c>
      <c r="N22" s="320">
        <v>848</v>
      </c>
      <c r="O22" s="320">
        <v>703</v>
      </c>
      <c r="P22" s="649">
        <v>0</v>
      </c>
      <c r="Q22" s="33">
        <v>16</v>
      </c>
      <c r="R22" s="65" t="s">
        <v>16</v>
      </c>
      <c r="S22" s="320">
        <v>8389</v>
      </c>
      <c r="T22" s="320">
        <v>8264693</v>
      </c>
      <c r="U22" s="320">
        <v>1212707</v>
      </c>
      <c r="V22" s="320">
        <v>7051986</v>
      </c>
      <c r="W22" s="320">
        <v>985</v>
      </c>
      <c r="X22" s="645">
        <v>841</v>
      </c>
    </row>
    <row r="23" spans="1:27" s="26" customFormat="1" ht="15" customHeight="1" x14ac:dyDescent="0.15">
      <c r="A23" s="33">
        <v>17</v>
      </c>
      <c r="B23" s="65" t="s">
        <v>17</v>
      </c>
      <c r="C23" s="320">
        <v>28243</v>
      </c>
      <c r="D23" s="645">
        <v>28242</v>
      </c>
      <c r="E23" s="646">
        <v>21433420</v>
      </c>
      <c r="F23" s="320">
        <v>2128310</v>
      </c>
      <c r="G23" s="320">
        <v>19305110</v>
      </c>
      <c r="H23" s="320">
        <v>759</v>
      </c>
      <c r="I23" s="647">
        <v>684</v>
      </c>
      <c r="J23" s="645">
        <v>0</v>
      </c>
      <c r="K23" s="646">
        <v>21433420</v>
      </c>
      <c r="L23" s="320">
        <v>2816530</v>
      </c>
      <c r="M23" s="320">
        <v>18616890</v>
      </c>
      <c r="N23" s="320">
        <v>759</v>
      </c>
      <c r="O23" s="320">
        <v>659</v>
      </c>
      <c r="P23" s="649">
        <v>0</v>
      </c>
      <c r="Q23" s="33">
        <v>17</v>
      </c>
      <c r="R23" s="65" t="s">
        <v>17</v>
      </c>
      <c r="S23" s="320">
        <v>9168</v>
      </c>
      <c r="T23" s="320">
        <v>9019443</v>
      </c>
      <c r="U23" s="320">
        <v>1422978</v>
      </c>
      <c r="V23" s="320">
        <v>7596465</v>
      </c>
      <c r="W23" s="320">
        <v>984</v>
      </c>
      <c r="X23" s="645">
        <v>829</v>
      </c>
    </row>
    <row r="24" spans="1:27" s="26" customFormat="1" ht="15" customHeight="1" x14ac:dyDescent="0.15">
      <c r="A24" s="33">
        <v>18</v>
      </c>
      <c r="B24" s="65" t="s">
        <v>18</v>
      </c>
      <c r="C24" s="320">
        <v>8747</v>
      </c>
      <c r="D24" s="645">
        <v>8745</v>
      </c>
      <c r="E24" s="646">
        <v>6018880</v>
      </c>
      <c r="F24" s="320">
        <v>239033</v>
      </c>
      <c r="G24" s="320">
        <v>5779847</v>
      </c>
      <c r="H24" s="320">
        <v>688</v>
      </c>
      <c r="I24" s="647">
        <v>661</v>
      </c>
      <c r="J24" s="645">
        <v>0</v>
      </c>
      <c r="K24" s="646">
        <v>6018880</v>
      </c>
      <c r="L24" s="320">
        <v>389480</v>
      </c>
      <c r="M24" s="320">
        <v>5629400</v>
      </c>
      <c r="N24" s="320">
        <v>688</v>
      </c>
      <c r="O24" s="320">
        <v>644</v>
      </c>
      <c r="P24" s="649">
        <v>0</v>
      </c>
      <c r="Q24" s="33">
        <v>18</v>
      </c>
      <c r="R24" s="65" t="s">
        <v>18</v>
      </c>
      <c r="S24" s="320">
        <v>2675</v>
      </c>
      <c r="T24" s="320">
        <v>2164412</v>
      </c>
      <c r="U24" s="320">
        <v>119865</v>
      </c>
      <c r="V24" s="320">
        <v>2044547</v>
      </c>
      <c r="W24" s="320">
        <v>809</v>
      </c>
      <c r="X24" s="645">
        <v>764</v>
      </c>
    </row>
    <row r="25" spans="1:27" s="26" customFormat="1" ht="15" customHeight="1" x14ac:dyDescent="0.15">
      <c r="A25" s="33">
        <v>19</v>
      </c>
      <c r="B25" s="65" t="s">
        <v>20</v>
      </c>
      <c r="C25" s="320">
        <v>7836</v>
      </c>
      <c r="D25" s="645">
        <v>7836</v>
      </c>
      <c r="E25" s="646">
        <v>7853859</v>
      </c>
      <c r="F25" s="320">
        <v>1728416</v>
      </c>
      <c r="G25" s="320">
        <v>6125443</v>
      </c>
      <c r="H25" s="320">
        <v>1002</v>
      </c>
      <c r="I25" s="647">
        <v>782</v>
      </c>
      <c r="J25" s="645">
        <v>0</v>
      </c>
      <c r="K25" s="650">
        <v>7853859</v>
      </c>
      <c r="L25" s="320">
        <v>2141502</v>
      </c>
      <c r="M25" s="320">
        <v>5712357</v>
      </c>
      <c r="N25" s="320">
        <v>1002</v>
      </c>
      <c r="O25" s="320">
        <v>729</v>
      </c>
      <c r="P25" s="645">
        <v>0</v>
      </c>
      <c r="Q25" s="33">
        <v>19</v>
      </c>
      <c r="R25" s="65" t="s">
        <v>20</v>
      </c>
      <c r="S25" s="320">
        <v>2807</v>
      </c>
      <c r="T25" s="647">
        <v>3794921</v>
      </c>
      <c r="U25" s="320">
        <v>1075253</v>
      </c>
      <c r="V25" s="320">
        <v>2719668</v>
      </c>
      <c r="W25" s="320">
        <v>1352</v>
      </c>
      <c r="X25" s="645">
        <v>969</v>
      </c>
    </row>
    <row r="26" spans="1:27" s="26" customFormat="1" ht="15" customHeight="1" x14ac:dyDescent="0.15">
      <c r="A26" s="33">
        <v>20</v>
      </c>
      <c r="B26" s="65" t="s">
        <v>21</v>
      </c>
      <c r="C26" s="320">
        <v>10641</v>
      </c>
      <c r="D26" s="645">
        <v>10641</v>
      </c>
      <c r="E26" s="646">
        <v>8031981</v>
      </c>
      <c r="F26" s="320">
        <v>612188</v>
      </c>
      <c r="G26" s="320">
        <v>7419793</v>
      </c>
      <c r="H26" s="320">
        <v>755</v>
      </c>
      <c r="I26" s="647">
        <v>697</v>
      </c>
      <c r="J26" s="645">
        <v>0</v>
      </c>
      <c r="K26" s="646">
        <v>8031981</v>
      </c>
      <c r="L26" s="320">
        <v>904473</v>
      </c>
      <c r="M26" s="320">
        <v>7127508</v>
      </c>
      <c r="N26" s="320">
        <v>755</v>
      </c>
      <c r="O26" s="320">
        <v>670</v>
      </c>
      <c r="P26" s="649">
        <v>0</v>
      </c>
      <c r="Q26" s="33">
        <v>20</v>
      </c>
      <c r="R26" s="65" t="s">
        <v>21</v>
      </c>
      <c r="S26" s="320">
        <v>3181</v>
      </c>
      <c r="T26" s="320">
        <v>2926820</v>
      </c>
      <c r="U26" s="320">
        <v>251048</v>
      </c>
      <c r="V26" s="320">
        <v>2675772</v>
      </c>
      <c r="W26" s="320">
        <v>920</v>
      </c>
      <c r="X26" s="645">
        <v>841</v>
      </c>
    </row>
    <row r="27" spans="1:27" s="216" customFormat="1" ht="15" customHeight="1" x14ac:dyDescent="0.15">
      <c r="A27" s="33">
        <v>21</v>
      </c>
      <c r="B27" s="115" t="s">
        <v>19</v>
      </c>
      <c r="C27" s="651">
        <v>19389</v>
      </c>
      <c r="D27" s="649">
        <v>19388</v>
      </c>
      <c r="E27" s="652">
        <v>14478367</v>
      </c>
      <c r="F27" s="651">
        <v>1447287</v>
      </c>
      <c r="G27" s="651">
        <v>13031080</v>
      </c>
      <c r="H27" s="651">
        <v>747</v>
      </c>
      <c r="I27" s="651">
        <v>672</v>
      </c>
      <c r="J27" s="649">
        <v>0</v>
      </c>
      <c r="K27" s="652">
        <v>5629317</v>
      </c>
      <c r="L27" s="651">
        <v>1928903</v>
      </c>
      <c r="M27" s="651">
        <v>3700414</v>
      </c>
      <c r="N27" s="651">
        <v>290</v>
      </c>
      <c r="O27" s="651">
        <v>191</v>
      </c>
      <c r="P27" s="649">
        <v>0</v>
      </c>
      <c r="Q27" s="33">
        <v>21</v>
      </c>
      <c r="R27" s="115" t="s">
        <v>19</v>
      </c>
      <c r="S27" s="651">
        <v>5787</v>
      </c>
      <c r="T27" s="651">
        <v>5629317</v>
      </c>
      <c r="U27" s="651">
        <v>556381</v>
      </c>
      <c r="V27" s="651">
        <v>5072936</v>
      </c>
      <c r="W27" s="651">
        <v>973</v>
      </c>
      <c r="X27" s="649">
        <v>877</v>
      </c>
      <c r="AA27" s="26"/>
    </row>
    <row r="28" spans="1:27" s="216" customFormat="1" ht="15" customHeight="1" x14ac:dyDescent="0.15">
      <c r="A28" s="33">
        <v>22</v>
      </c>
      <c r="B28" s="115" t="s">
        <v>22</v>
      </c>
      <c r="C28" s="651">
        <v>7643</v>
      </c>
      <c r="D28" s="649">
        <v>7643</v>
      </c>
      <c r="E28" s="652">
        <v>6410978</v>
      </c>
      <c r="F28" s="651">
        <v>1098720</v>
      </c>
      <c r="G28" s="651">
        <v>5312258</v>
      </c>
      <c r="H28" s="651">
        <v>839</v>
      </c>
      <c r="I28" s="651">
        <v>695</v>
      </c>
      <c r="J28" s="649">
        <v>0</v>
      </c>
      <c r="K28" s="652">
        <v>6410978</v>
      </c>
      <c r="L28" s="651">
        <v>1326670</v>
      </c>
      <c r="M28" s="651">
        <v>5084308</v>
      </c>
      <c r="N28" s="651">
        <v>839</v>
      </c>
      <c r="O28" s="651">
        <v>665</v>
      </c>
      <c r="P28" s="649">
        <v>0</v>
      </c>
      <c r="Q28" s="33">
        <v>22</v>
      </c>
      <c r="R28" s="115" t="s">
        <v>22</v>
      </c>
      <c r="S28" s="651">
        <v>2358</v>
      </c>
      <c r="T28" s="651">
        <v>2246787</v>
      </c>
      <c r="U28" s="651">
        <v>421688</v>
      </c>
      <c r="V28" s="651">
        <v>1825099</v>
      </c>
      <c r="W28" s="651">
        <v>953</v>
      </c>
      <c r="X28" s="649">
        <v>774</v>
      </c>
      <c r="AA28" s="26"/>
    </row>
    <row r="29" spans="1:27" s="26" customFormat="1" ht="15" customHeight="1" x14ac:dyDescent="0.15">
      <c r="A29" s="33">
        <v>23</v>
      </c>
      <c r="B29" s="65" t="s">
        <v>23</v>
      </c>
      <c r="C29" s="320">
        <v>6421</v>
      </c>
      <c r="D29" s="645">
        <v>6420</v>
      </c>
      <c r="E29" s="646">
        <v>4616367</v>
      </c>
      <c r="F29" s="320">
        <v>358726</v>
      </c>
      <c r="G29" s="320">
        <v>4257641</v>
      </c>
      <c r="H29" s="320">
        <v>719</v>
      </c>
      <c r="I29" s="647">
        <v>663</v>
      </c>
      <c r="J29" s="645">
        <v>0</v>
      </c>
      <c r="K29" s="646">
        <v>4616367</v>
      </c>
      <c r="L29" s="320">
        <v>501248</v>
      </c>
      <c r="M29" s="320">
        <v>4115119</v>
      </c>
      <c r="N29" s="320">
        <v>719</v>
      </c>
      <c r="O29" s="320">
        <v>641</v>
      </c>
      <c r="P29" s="649">
        <v>0</v>
      </c>
      <c r="Q29" s="33">
        <v>23</v>
      </c>
      <c r="R29" s="65" t="s">
        <v>23</v>
      </c>
      <c r="S29" s="320">
        <v>2001</v>
      </c>
      <c r="T29" s="320">
        <v>1772184</v>
      </c>
      <c r="U29" s="320">
        <v>244491</v>
      </c>
      <c r="V29" s="320">
        <v>1527693</v>
      </c>
      <c r="W29" s="320">
        <v>886</v>
      </c>
      <c r="X29" s="645">
        <v>763</v>
      </c>
    </row>
    <row r="30" spans="1:27" s="26" customFormat="1" ht="15" customHeight="1" x14ac:dyDescent="0.15">
      <c r="A30" s="33">
        <v>24</v>
      </c>
      <c r="B30" s="65" t="s">
        <v>24</v>
      </c>
      <c r="C30" s="320">
        <v>2424</v>
      </c>
      <c r="D30" s="645">
        <v>2423</v>
      </c>
      <c r="E30" s="646">
        <v>1783122</v>
      </c>
      <c r="F30" s="320">
        <v>73475</v>
      </c>
      <c r="G30" s="320">
        <v>1709647</v>
      </c>
      <c r="H30" s="320">
        <v>736</v>
      </c>
      <c r="I30" s="647">
        <v>706</v>
      </c>
      <c r="J30" s="645">
        <v>0</v>
      </c>
      <c r="K30" s="646">
        <v>1783122</v>
      </c>
      <c r="L30" s="320">
        <v>148697</v>
      </c>
      <c r="M30" s="320">
        <v>1634425</v>
      </c>
      <c r="N30" s="320">
        <v>736</v>
      </c>
      <c r="O30" s="320">
        <v>675</v>
      </c>
      <c r="P30" s="649">
        <v>0</v>
      </c>
      <c r="Q30" s="33">
        <v>24</v>
      </c>
      <c r="R30" s="65" t="s">
        <v>24</v>
      </c>
      <c r="S30" s="320">
        <v>678</v>
      </c>
      <c r="T30" s="320">
        <v>600086</v>
      </c>
      <c r="U30" s="320">
        <v>42488</v>
      </c>
      <c r="V30" s="320">
        <v>557598</v>
      </c>
      <c r="W30" s="320">
        <v>885</v>
      </c>
      <c r="X30" s="645">
        <v>822</v>
      </c>
    </row>
    <row r="31" spans="1:27" s="26" customFormat="1" ht="15" customHeight="1" x14ac:dyDescent="0.15">
      <c r="A31" s="33">
        <v>25</v>
      </c>
      <c r="B31" s="65" t="s">
        <v>25</v>
      </c>
      <c r="C31" s="320">
        <v>3765</v>
      </c>
      <c r="D31" s="645">
        <v>3765</v>
      </c>
      <c r="E31" s="646">
        <v>2897023</v>
      </c>
      <c r="F31" s="320">
        <v>230352</v>
      </c>
      <c r="G31" s="320">
        <v>2666671</v>
      </c>
      <c r="H31" s="320">
        <v>769</v>
      </c>
      <c r="I31" s="647">
        <v>708</v>
      </c>
      <c r="J31" s="645">
        <v>0</v>
      </c>
      <c r="K31" s="646">
        <v>2897023</v>
      </c>
      <c r="L31" s="320">
        <v>324496</v>
      </c>
      <c r="M31" s="320">
        <v>2572527</v>
      </c>
      <c r="N31" s="320">
        <v>769</v>
      </c>
      <c r="O31" s="320">
        <v>683</v>
      </c>
      <c r="P31" s="649">
        <v>0</v>
      </c>
      <c r="Q31" s="33">
        <v>25</v>
      </c>
      <c r="R31" s="65" t="s">
        <v>25</v>
      </c>
      <c r="S31" s="320">
        <v>1126</v>
      </c>
      <c r="T31" s="320">
        <v>1115542</v>
      </c>
      <c r="U31" s="320">
        <v>134055</v>
      </c>
      <c r="V31" s="320">
        <v>981487</v>
      </c>
      <c r="W31" s="320">
        <v>991</v>
      </c>
      <c r="X31" s="645">
        <v>872</v>
      </c>
    </row>
    <row r="32" spans="1:27" s="26" customFormat="1" ht="15" customHeight="1" x14ac:dyDescent="0.15">
      <c r="A32" s="33">
        <v>26</v>
      </c>
      <c r="B32" s="65" t="s">
        <v>26</v>
      </c>
      <c r="C32" s="320">
        <v>2489</v>
      </c>
      <c r="D32" s="645">
        <v>2488</v>
      </c>
      <c r="E32" s="646">
        <v>1708176</v>
      </c>
      <c r="F32" s="320">
        <v>58906</v>
      </c>
      <c r="G32" s="320">
        <v>1649270</v>
      </c>
      <c r="H32" s="320">
        <v>686</v>
      </c>
      <c r="I32" s="647">
        <v>663</v>
      </c>
      <c r="J32" s="645">
        <v>0</v>
      </c>
      <c r="K32" s="646">
        <v>1708176</v>
      </c>
      <c r="L32" s="320">
        <v>111791</v>
      </c>
      <c r="M32" s="320">
        <v>1596385</v>
      </c>
      <c r="N32" s="320">
        <v>686</v>
      </c>
      <c r="O32" s="320">
        <v>642</v>
      </c>
      <c r="P32" s="649">
        <v>0</v>
      </c>
      <c r="Q32" s="33">
        <v>26</v>
      </c>
      <c r="R32" s="65" t="s">
        <v>26</v>
      </c>
      <c r="S32" s="320">
        <v>780</v>
      </c>
      <c r="T32" s="320">
        <v>620770</v>
      </c>
      <c r="U32" s="320">
        <v>37022</v>
      </c>
      <c r="V32" s="320">
        <v>583748</v>
      </c>
      <c r="W32" s="320">
        <v>796</v>
      </c>
      <c r="X32" s="645">
        <v>748</v>
      </c>
    </row>
    <row r="33" spans="1:25" s="26" customFormat="1" ht="15" customHeight="1" x14ac:dyDescent="0.15">
      <c r="A33" s="33">
        <v>27</v>
      </c>
      <c r="B33" s="65" t="s">
        <v>27</v>
      </c>
      <c r="C33" s="320">
        <v>2598</v>
      </c>
      <c r="D33" s="645">
        <v>2598</v>
      </c>
      <c r="E33" s="646">
        <v>1873212</v>
      </c>
      <c r="F33" s="320">
        <v>66566</v>
      </c>
      <c r="G33" s="320">
        <v>1806646</v>
      </c>
      <c r="H33" s="320">
        <v>721</v>
      </c>
      <c r="I33" s="647">
        <v>695</v>
      </c>
      <c r="J33" s="645">
        <v>0</v>
      </c>
      <c r="K33" s="646">
        <v>1873212</v>
      </c>
      <c r="L33" s="320">
        <v>112447</v>
      </c>
      <c r="M33" s="320">
        <v>1760765</v>
      </c>
      <c r="N33" s="320">
        <v>721</v>
      </c>
      <c r="O33" s="320">
        <v>678</v>
      </c>
      <c r="P33" s="649">
        <v>0</v>
      </c>
      <c r="Q33" s="33">
        <v>27</v>
      </c>
      <c r="R33" s="65" t="s">
        <v>27</v>
      </c>
      <c r="S33" s="320">
        <v>719</v>
      </c>
      <c r="T33" s="320">
        <v>591593</v>
      </c>
      <c r="U33" s="320">
        <v>50647</v>
      </c>
      <c r="V33" s="320">
        <v>540946</v>
      </c>
      <c r="W33" s="320">
        <v>823</v>
      </c>
      <c r="X33" s="645">
        <v>752</v>
      </c>
    </row>
    <row r="34" spans="1:25" s="26" customFormat="1" ht="15" customHeight="1" x14ac:dyDescent="0.15">
      <c r="A34" s="33">
        <v>28</v>
      </c>
      <c r="B34" s="65" t="s">
        <v>28</v>
      </c>
      <c r="C34" s="320">
        <v>3184</v>
      </c>
      <c r="D34" s="645">
        <v>3183</v>
      </c>
      <c r="E34" s="646">
        <v>2283185</v>
      </c>
      <c r="F34" s="320">
        <v>92195</v>
      </c>
      <c r="G34" s="320">
        <v>2190990</v>
      </c>
      <c r="H34" s="320">
        <v>717</v>
      </c>
      <c r="I34" s="647">
        <v>688</v>
      </c>
      <c r="J34" s="645">
        <v>0</v>
      </c>
      <c r="K34" s="646">
        <v>2283185</v>
      </c>
      <c r="L34" s="320">
        <v>168304</v>
      </c>
      <c r="M34" s="320">
        <v>2114881</v>
      </c>
      <c r="N34" s="320">
        <v>717</v>
      </c>
      <c r="O34" s="320">
        <v>664</v>
      </c>
      <c r="P34" s="649">
        <v>0</v>
      </c>
      <c r="Q34" s="33">
        <v>28</v>
      </c>
      <c r="R34" s="65" t="s">
        <v>28</v>
      </c>
      <c r="S34" s="320">
        <v>946</v>
      </c>
      <c r="T34" s="320">
        <v>807084</v>
      </c>
      <c r="U34" s="320">
        <v>31117</v>
      </c>
      <c r="V34" s="320">
        <v>775967</v>
      </c>
      <c r="W34" s="320">
        <v>853</v>
      </c>
      <c r="X34" s="645">
        <v>820</v>
      </c>
    </row>
    <row r="35" spans="1:25" s="26" customFormat="1" ht="15" customHeight="1" x14ac:dyDescent="0.15">
      <c r="A35" s="33">
        <v>29</v>
      </c>
      <c r="B35" s="65" t="s">
        <v>29</v>
      </c>
      <c r="C35" s="320">
        <v>2756</v>
      </c>
      <c r="D35" s="645">
        <v>2755</v>
      </c>
      <c r="E35" s="646">
        <v>2099393</v>
      </c>
      <c r="F35" s="320">
        <v>105156</v>
      </c>
      <c r="G35" s="320">
        <v>1994237</v>
      </c>
      <c r="H35" s="320">
        <v>762</v>
      </c>
      <c r="I35" s="647">
        <v>724</v>
      </c>
      <c r="J35" s="645">
        <v>0</v>
      </c>
      <c r="K35" s="646">
        <v>2099393</v>
      </c>
      <c r="L35" s="320">
        <v>230157</v>
      </c>
      <c r="M35" s="320">
        <v>1869236</v>
      </c>
      <c r="N35" s="320">
        <v>762</v>
      </c>
      <c r="O35" s="320">
        <v>678</v>
      </c>
      <c r="P35" s="649">
        <v>0</v>
      </c>
      <c r="Q35" s="33">
        <v>29</v>
      </c>
      <c r="R35" s="65" t="s">
        <v>29</v>
      </c>
      <c r="S35" s="320">
        <v>899</v>
      </c>
      <c r="T35" s="320">
        <v>851703</v>
      </c>
      <c r="U35" s="320">
        <v>40862</v>
      </c>
      <c r="V35" s="320">
        <v>810841</v>
      </c>
      <c r="W35" s="320">
        <v>947</v>
      </c>
      <c r="X35" s="645">
        <v>902</v>
      </c>
    </row>
    <row r="36" spans="1:25" s="26" customFormat="1" ht="15" customHeight="1" x14ac:dyDescent="0.15">
      <c r="A36" s="33">
        <v>30</v>
      </c>
      <c r="B36" s="65" t="s">
        <v>30</v>
      </c>
      <c r="C36" s="320">
        <v>2136</v>
      </c>
      <c r="D36" s="645">
        <v>2136</v>
      </c>
      <c r="E36" s="646">
        <v>1264264</v>
      </c>
      <c r="F36" s="320">
        <v>13113</v>
      </c>
      <c r="G36" s="320">
        <v>1251151</v>
      </c>
      <c r="H36" s="320">
        <v>592</v>
      </c>
      <c r="I36" s="647">
        <v>586</v>
      </c>
      <c r="J36" s="645">
        <v>0</v>
      </c>
      <c r="K36" s="646">
        <v>1264264</v>
      </c>
      <c r="L36" s="320">
        <v>51513</v>
      </c>
      <c r="M36" s="320">
        <v>1212751</v>
      </c>
      <c r="N36" s="320">
        <v>592</v>
      </c>
      <c r="O36" s="320">
        <v>568</v>
      </c>
      <c r="P36" s="649">
        <v>0</v>
      </c>
      <c r="Q36" s="33">
        <v>30</v>
      </c>
      <c r="R36" s="65" t="s">
        <v>30</v>
      </c>
      <c r="S36" s="320">
        <v>712</v>
      </c>
      <c r="T36" s="320">
        <v>478846</v>
      </c>
      <c r="U36" s="320">
        <v>14366</v>
      </c>
      <c r="V36" s="320">
        <v>464480</v>
      </c>
      <c r="W36" s="320">
        <v>673</v>
      </c>
      <c r="X36" s="645">
        <v>652</v>
      </c>
    </row>
    <row r="37" spans="1:25" s="26" customFormat="1" ht="15" customHeight="1" x14ac:dyDescent="0.15">
      <c r="A37" s="33">
        <v>31</v>
      </c>
      <c r="B37" s="65" t="s">
        <v>31</v>
      </c>
      <c r="C37" s="320">
        <v>6691</v>
      </c>
      <c r="D37" s="645">
        <v>6691</v>
      </c>
      <c r="E37" s="646">
        <v>4871780</v>
      </c>
      <c r="F37" s="320">
        <v>383115</v>
      </c>
      <c r="G37" s="320">
        <v>4488665</v>
      </c>
      <c r="H37" s="320">
        <v>728</v>
      </c>
      <c r="I37" s="647">
        <v>671</v>
      </c>
      <c r="J37" s="645">
        <v>0</v>
      </c>
      <c r="K37" s="646">
        <v>4871780</v>
      </c>
      <c r="L37" s="320">
        <v>565155</v>
      </c>
      <c r="M37" s="320">
        <v>4306625</v>
      </c>
      <c r="N37" s="320">
        <v>728</v>
      </c>
      <c r="O37" s="320">
        <v>644</v>
      </c>
      <c r="P37" s="649">
        <v>0</v>
      </c>
      <c r="Q37" s="33">
        <v>31</v>
      </c>
      <c r="R37" s="65" t="s">
        <v>31</v>
      </c>
      <c r="S37" s="320">
        <v>2207</v>
      </c>
      <c r="T37" s="320">
        <v>2057810</v>
      </c>
      <c r="U37" s="320">
        <v>186586</v>
      </c>
      <c r="V37" s="320">
        <v>1871224</v>
      </c>
      <c r="W37" s="320">
        <v>932</v>
      </c>
      <c r="X37" s="645">
        <v>848</v>
      </c>
    </row>
    <row r="38" spans="1:25" s="216" customFormat="1" ht="15" customHeight="1" x14ac:dyDescent="0.15">
      <c r="A38" s="33">
        <v>32</v>
      </c>
      <c r="B38" s="65" t="s">
        <v>32</v>
      </c>
      <c r="C38" s="320">
        <v>10553</v>
      </c>
      <c r="D38" s="645">
        <v>10552</v>
      </c>
      <c r="E38" s="646">
        <v>7393334</v>
      </c>
      <c r="F38" s="320">
        <v>436781</v>
      </c>
      <c r="G38" s="320">
        <v>6956553</v>
      </c>
      <c r="H38" s="320">
        <v>701</v>
      </c>
      <c r="I38" s="647">
        <v>659</v>
      </c>
      <c r="J38" s="645">
        <v>0</v>
      </c>
      <c r="K38" s="646">
        <v>7393334</v>
      </c>
      <c r="L38" s="320">
        <v>634360</v>
      </c>
      <c r="M38" s="320">
        <v>6758974</v>
      </c>
      <c r="N38" s="320">
        <v>701</v>
      </c>
      <c r="O38" s="320">
        <v>641</v>
      </c>
      <c r="P38" s="649">
        <v>0</v>
      </c>
      <c r="Q38" s="33">
        <v>32</v>
      </c>
      <c r="R38" s="65" t="s">
        <v>32</v>
      </c>
      <c r="S38" s="320">
        <v>3203</v>
      </c>
      <c r="T38" s="320">
        <v>2931148</v>
      </c>
      <c r="U38" s="320">
        <v>299335</v>
      </c>
      <c r="V38" s="320">
        <v>2631813</v>
      </c>
      <c r="W38" s="320">
        <v>915</v>
      </c>
      <c r="X38" s="645">
        <v>822</v>
      </c>
      <c r="Y38" s="26"/>
    </row>
    <row r="39" spans="1:25" s="216" customFormat="1" ht="15" customHeight="1" thickBot="1" x14ac:dyDescent="0.2">
      <c r="A39" s="33">
        <v>33</v>
      </c>
      <c r="B39" s="65" t="s">
        <v>33</v>
      </c>
      <c r="C39" s="320">
        <v>778</v>
      </c>
      <c r="D39" s="645">
        <v>778</v>
      </c>
      <c r="E39" s="646">
        <v>533595</v>
      </c>
      <c r="F39" s="320">
        <v>12364</v>
      </c>
      <c r="G39" s="320">
        <v>521231</v>
      </c>
      <c r="H39" s="320">
        <v>686</v>
      </c>
      <c r="I39" s="647">
        <v>670</v>
      </c>
      <c r="J39" s="645">
        <v>0</v>
      </c>
      <c r="K39" s="646">
        <v>533595</v>
      </c>
      <c r="L39" s="320">
        <v>26707</v>
      </c>
      <c r="M39" s="320">
        <v>506888</v>
      </c>
      <c r="N39" s="320">
        <v>686</v>
      </c>
      <c r="O39" s="320">
        <v>652</v>
      </c>
      <c r="P39" s="653">
        <v>0</v>
      </c>
      <c r="Q39" s="33">
        <v>33</v>
      </c>
      <c r="R39" s="65" t="s">
        <v>33</v>
      </c>
      <c r="S39" s="320">
        <v>231</v>
      </c>
      <c r="T39" s="320">
        <v>190346</v>
      </c>
      <c r="U39" s="320">
        <v>16983</v>
      </c>
      <c r="V39" s="320">
        <v>173363</v>
      </c>
      <c r="W39" s="320">
        <v>824</v>
      </c>
      <c r="X39" s="645">
        <v>750</v>
      </c>
    </row>
    <row r="40" spans="1:25" s="216" customFormat="1" ht="12" hidden="1" customHeight="1" x14ac:dyDescent="0.15">
      <c r="A40" s="33">
        <v>34</v>
      </c>
      <c r="B40" s="34" t="s">
        <v>34</v>
      </c>
      <c r="C40" s="1351">
        <v>0</v>
      </c>
      <c r="D40" s="1352"/>
      <c r="E40" s="646">
        <v>0</v>
      </c>
      <c r="F40" s="320">
        <v>0</v>
      </c>
      <c r="G40" s="320">
        <v>0</v>
      </c>
      <c r="H40" s="320" t="e">
        <v>#DIV/0!</v>
      </c>
      <c r="I40" s="647" t="e">
        <v>#DIV/0!</v>
      </c>
      <c r="J40" s="645">
        <v>0</v>
      </c>
      <c r="K40" s="646">
        <v>0</v>
      </c>
      <c r="L40" s="320">
        <v>0</v>
      </c>
      <c r="M40" s="320">
        <v>0</v>
      </c>
      <c r="N40" s="320" t="e">
        <v>#DIV/0!</v>
      </c>
      <c r="O40" s="320" t="e">
        <v>#DIV/0!</v>
      </c>
      <c r="P40" s="1353"/>
      <c r="Q40" s="33">
        <v>34</v>
      </c>
      <c r="R40" s="34" t="s">
        <v>34</v>
      </c>
      <c r="S40" s="320"/>
      <c r="T40" s="320">
        <v>0</v>
      </c>
      <c r="U40" s="320">
        <v>0</v>
      </c>
      <c r="V40" s="320">
        <v>0</v>
      </c>
      <c r="W40" s="320" t="e">
        <v>#DIV/0!</v>
      </c>
      <c r="X40" s="645" t="e">
        <v>#DIV/0!</v>
      </c>
    </row>
    <row r="41" spans="1:25" s="216" customFormat="1" ht="12" hidden="1" customHeight="1" x14ac:dyDescent="0.15">
      <c r="A41" s="33">
        <v>35</v>
      </c>
      <c r="B41" s="34" t="s">
        <v>35</v>
      </c>
      <c r="C41" s="1351"/>
      <c r="D41" s="1352"/>
      <c r="E41" s="646">
        <v>0</v>
      </c>
      <c r="F41" s="320">
        <v>0</v>
      </c>
      <c r="G41" s="320">
        <v>0</v>
      </c>
      <c r="H41" s="320" t="e">
        <v>#DIV/0!</v>
      </c>
      <c r="I41" s="647" t="e">
        <v>#DIV/0!</v>
      </c>
      <c r="J41" s="645">
        <v>0</v>
      </c>
      <c r="K41" s="646"/>
      <c r="L41" s="320"/>
      <c r="M41" s="320">
        <v>0</v>
      </c>
      <c r="N41" s="320" t="e">
        <v>#DIV/0!</v>
      </c>
      <c r="O41" s="320" t="e">
        <v>#DIV/0!</v>
      </c>
      <c r="P41" s="1353"/>
      <c r="Q41" s="33">
        <v>35</v>
      </c>
      <c r="R41" s="34" t="s">
        <v>35</v>
      </c>
      <c r="S41" s="320"/>
      <c r="T41" s="320"/>
      <c r="U41" s="320"/>
      <c r="V41" s="320">
        <v>0</v>
      </c>
      <c r="W41" s="320" t="e">
        <v>#DIV/0!</v>
      </c>
      <c r="X41" s="645" t="e">
        <v>#DIV/0!</v>
      </c>
    </row>
    <row r="42" spans="1:25" s="216" customFormat="1" ht="12" hidden="1" customHeight="1" x14ac:dyDescent="0.15">
      <c r="A42" s="33">
        <v>36</v>
      </c>
      <c r="B42" s="34" t="s">
        <v>36</v>
      </c>
      <c r="C42" s="1351"/>
      <c r="D42" s="1352"/>
      <c r="E42" s="646">
        <v>0</v>
      </c>
      <c r="F42" s="320">
        <v>0</v>
      </c>
      <c r="G42" s="320">
        <v>0</v>
      </c>
      <c r="H42" s="320" t="e">
        <v>#DIV/0!</v>
      </c>
      <c r="I42" s="647" t="e">
        <v>#DIV/0!</v>
      </c>
      <c r="J42" s="645">
        <v>0</v>
      </c>
      <c r="K42" s="646"/>
      <c r="L42" s="320"/>
      <c r="M42" s="320">
        <v>0</v>
      </c>
      <c r="N42" s="320" t="e">
        <v>#DIV/0!</v>
      </c>
      <c r="O42" s="320" t="e">
        <v>#DIV/0!</v>
      </c>
      <c r="P42" s="1353"/>
      <c r="Q42" s="33">
        <v>36</v>
      </c>
      <c r="R42" s="34" t="s">
        <v>36</v>
      </c>
      <c r="S42" s="320"/>
      <c r="T42" s="320"/>
      <c r="U42" s="320"/>
      <c r="V42" s="320">
        <v>0</v>
      </c>
      <c r="W42" s="320" t="e">
        <v>#DIV/0!</v>
      </c>
      <c r="X42" s="645" t="e">
        <v>#DIV/0!</v>
      </c>
    </row>
    <row r="43" spans="1:25" s="216" customFormat="1" ht="12" hidden="1" customHeight="1" thickBot="1" x14ac:dyDescent="0.2">
      <c r="A43" s="33">
        <v>37</v>
      </c>
      <c r="B43" s="35" t="s">
        <v>37</v>
      </c>
      <c r="C43" s="1354">
        <v>0</v>
      </c>
      <c r="D43" s="1355"/>
      <c r="E43" s="33">
        <v>0</v>
      </c>
      <c r="F43" s="678">
        <v>0</v>
      </c>
      <c r="G43" s="678">
        <v>0</v>
      </c>
      <c r="H43" s="678" t="e">
        <v>#DIV/0!</v>
      </c>
      <c r="I43" s="1356" t="e">
        <v>#DIV/0!</v>
      </c>
      <c r="J43" s="1353">
        <v>0</v>
      </c>
      <c r="K43" s="33">
        <v>0</v>
      </c>
      <c r="L43" s="678">
        <v>0</v>
      </c>
      <c r="M43" s="678">
        <v>0</v>
      </c>
      <c r="N43" s="678" t="e">
        <v>#DIV/0!</v>
      </c>
      <c r="O43" s="678" t="e">
        <v>#DIV/0!</v>
      </c>
      <c r="P43" s="1353"/>
      <c r="Q43" s="33">
        <v>37</v>
      </c>
      <c r="R43" s="35" t="s">
        <v>37</v>
      </c>
      <c r="S43" s="678"/>
      <c r="T43" s="678">
        <v>0</v>
      </c>
      <c r="U43" s="678">
        <v>0</v>
      </c>
      <c r="V43" s="678">
        <v>0</v>
      </c>
      <c r="W43" s="678" t="e">
        <v>#DIV/0!</v>
      </c>
      <c r="X43" s="1353" t="e">
        <v>#DIV/0!</v>
      </c>
    </row>
    <row r="44" spans="1:25" s="1375" customFormat="1" ht="16.5" customHeight="1" thickTop="1" thickBot="1" x14ac:dyDescent="0.25">
      <c r="A44" s="1746" t="s">
        <v>236</v>
      </c>
      <c r="B44" s="1747"/>
      <c r="C44" s="1357">
        <v>1721108</v>
      </c>
      <c r="D44" s="1358">
        <v>1721057</v>
      </c>
      <c r="E44" s="1359">
        <v>1529383754</v>
      </c>
      <c r="F44" s="1357">
        <v>244415070</v>
      </c>
      <c r="G44" s="1357">
        <v>1284966800</v>
      </c>
      <c r="H44" s="1357">
        <v>889</v>
      </c>
      <c r="I44" s="1360">
        <v>747</v>
      </c>
      <c r="J44" s="1358">
        <v>1884</v>
      </c>
      <c r="K44" s="1359">
        <v>1520534704</v>
      </c>
      <c r="L44" s="1357">
        <v>304871080</v>
      </c>
      <c r="M44" s="1357">
        <v>1215661740</v>
      </c>
      <c r="N44" s="1357">
        <v>883</v>
      </c>
      <c r="O44" s="1357">
        <v>706</v>
      </c>
      <c r="P44" s="1358">
        <v>1884</v>
      </c>
      <c r="Q44" s="1746" t="s">
        <v>236</v>
      </c>
      <c r="R44" s="1747"/>
      <c r="S44" s="1357">
        <v>562390</v>
      </c>
      <c r="T44" s="1360">
        <v>623340498</v>
      </c>
      <c r="U44" s="1357">
        <v>129935450</v>
      </c>
      <c r="V44" s="1357">
        <v>493405048</v>
      </c>
      <c r="W44" s="1357">
        <v>1108</v>
      </c>
      <c r="X44" s="1358">
        <v>877</v>
      </c>
    </row>
    <row r="45" spans="1:25" s="1375" customFormat="1" ht="16.5" customHeight="1" thickTop="1" thickBot="1" x14ac:dyDescent="0.25">
      <c r="A45" s="1746" t="s">
        <v>237</v>
      </c>
      <c r="B45" s="1747"/>
      <c r="C45" s="1357">
        <v>69915</v>
      </c>
      <c r="D45" s="1358">
        <v>69909</v>
      </c>
      <c r="E45" s="1359">
        <v>53620269</v>
      </c>
      <c r="F45" s="1357">
        <v>5270073</v>
      </c>
      <c r="G45" s="1357">
        <v>48350196</v>
      </c>
      <c r="H45" s="1357">
        <v>767</v>
      </c>
      <c r="I45" s="1360">
        <v>692</v>
      </c>
      <c r="J45" s="1358">
        <v>0</v>
      </c>
      <c r="K45" s="1361">
        <v>53620269</v>
      </c>
      <c r="L45" s="1357">
        <v>7247520</v>
      </c>
      <c r="M45" s="1357">
        <v>46372749</v>
      </c>
      <c r="N45" s="1357">
        <v>767</v>
      </c>
      <c r="O45" s="1357">
        <v>663</v>
      </c>
      <c r="P45" s="1358">
        <v>0</v>
      </c>
      <c r="Q45" s="1746" t="s">
        <v>237</v>
      </c>
      <c r="R45" s="1747"/>
      <c r="S45" s="1357">
        <v>21848</v>
      </c>
      <c r="T45" s="1357">
        <v>20985640</v>
      </c>
      <c r="U45" s="1357">
        <v>2845941</v>
      </c>
      <c r="V45" s="1357">
        <v>18139699</v>
      </c>
      <c r="W45" s="1357">
        <v>961</v>
      </c>
      <c r="X45" s="1358">
        <v>830</v>
      </c>
    </row>
    <row r="46" spans="1:25" s="1375" customFormat="1" ht="15" customHeight="1" thickTop="1" thickBot="1" x14ac:dyDescent="0.25">
      <c r="A46" s="1744" t="s">
        <v>192</v>
      </c>
      <c r="B46" s="1745"/>
      <c r="C46" s="107">
        <v>1791023</v>
      </c>
      <c r="D46" s="1362">
        <v>1790966</v>
      </c>
      <c r="E46" s="1363">
        <v>1583004023</v>
      </c>
      <c r="F46" s="107">
        <v>249685143</v>
      </c>
      <c r="G46" s="107">
        <v>1333316996</v>
      </c>
      <c r="H46" s="107">
        <v>884</v>
      </c>
      <c r="I46" s="1364">
        <v>744</v>
      </c>
      <c r="J46" s="1362">
        <v>1884</v>
      </c>
      <c r="K46" s="1365">
        <v>1574154973</v>
      </c>
      <c r="L46" s="107">
        <v>312118600</v>
      </c>
      <c r="M46" s="107">
        <v>1262034489</v>
      </c>
      <c r="N46" s="107">
        <v>879</v>
      </c>
      <c r="O46" s="107">
        <v>705</v>
      </c>
      <c r="P46" s="1362">
        <v>1884</v>
      </c>
      <c r="Q46" s="1744" t="s">
        <v>192</v>
      </c>
      <c r="R46" s="1745"/>
      <c r="S46" s="107">
        <v>584238</v>
      </c>
      <c r="T46" s="107">
        <v>644326138</v>
      </c>
      <c r="U46" s="107">
        <v>132781391</v>
      </c>
      <c r="V46" s="107">
        <v>511544747</v>
      </c>
      <c r="W46" s="107">
        <v>1103</v>
      </c>
      <c r="X46" s="1362">
        <v>876</v>
      </c>
    </row>
    <row r="47" spans="1:25" s="26" customFormat="1" ht="24.6" customHeight="1" x14ac:dyDescent="0.15">
      <c r="A47" s="68"/>
      <c r="B47" s="68"/>
      <c r="C47" s="1366"/>
      <c r="D47" s="1366"/>
      <c r="E47" s="1366"/>
      <c r="F47" s="1366"/>
      <c r="G47" s="1366"/>
      <c r="H47" s="1367"/>
      <c r="I47" s="1367"/>
      <c r="J47" s="1367"/>
      <c r="K47" s="1366"/>
      <c r="L47" s="1366"/>
      <c r="M47" s="1366"/>
      <c r="N47" s="1367"/>
      <c r="O47" s="1367"/>
      <c r="P47" s="1367"/>
      <c r="Q47" s="1368"/>
      <c r="R47" s="1368"/>
      <c r="S47" s="1366"/>
      <c r="T47" s="1366"/>
      <c r="U47" s="1366"/>
      <c r="V47" s="1366"/>
      <c r="W47" s="1367"/>
      <c r="X47" s="1367"/>
    </row>
    <row r="48" spans="1:25" s="26" customFormat="1" ht="12" customHeight="1" x14ac:dyDescent="0.15">
      <c r="C48" s="30"/>
    </row>
    <row r="49" spans="2:24" s="1371" customFormat="1" ht="12" customHeight="1" x14ac:dyDescent="0.15">
      <c r="B49" s="1369"/>
      <c r="C49" s="1370"/>
      <c r="D49" s="1370"/>
      <c r="E49" s="1370"/>
      <c r="F49" s="1370"/>
      <c r="G49" s="1370"/>
      <c r="H49" s="1370"/>
      <c r="I49" s="1370"/>
      <c r="J49" s="1370"/>
      <c r="K49" s="1370"/>
      <c r="L49" s="1370"/>
      <c r="M49" s="1370"/>
      <c r="N49" s="1370"/>
      <c r="O49" s="1370"/>
      <c r="P49" s="1370"/>
      <c r="Q49" s="1370"/>
      <c r="R49" s="1370"/>
      <c r="S49" s="1370"/>
      <c r="T49" s="1370"/>
      <c r="U49" s="1370"/>
      <c r="V49" s="1370"/>
      <c r="W49" s="1370"/>
      <c r="X49" s="1370"/>
    </row>
    <row r="50" spans="2:24" s="1371" customFormat="1" ht="12" customHeight="1" x14ac:dyDescent="0.15">
      <c r="C50" s="1372"/>
      <c r="D50" s="1372"/>
      <c r="E50" s="1372"/>
      <c r="F50" s="1372"/>
      <c r="G50" s="1372"/>
      <c r="H50" s="1372"/>
      <c r="I50" s="1372"/>
      <c r="J50" s="1372"/>
      <c r="K50" s="1372"/>
      <c r="L50" s="1372"/>
      <c r="M50" s="1372"/>
      <c r="N50" s="1372"/>
      <c r="O50" s="1372"/>
      <c r="P50" s="1372"/>
      <c r="Q50" s="1372"/>
      <c r="R50" s="1372"/>
      <c r="S50" s="1372"/>
      <c r="T50" s="1372"/>
      <c r="U50" s="1372"/>
      <c r="V50" s="1372"/>
      <c r="W50" s="1372"/>
      <c r="X50" s="1372"/>
    </row>
    <row r="51" spans="2:24" s="1371" customFormat="1" ht="12" customHeight="1" x14ac:dyDescent="0.15">
      <c r="C51" s="1373"/>
      <c r="D51" s="1373"/>
      <c r="E51" s="1373"/>
      <c r="F51" s="1373"/>
      <c r="G51" s="1373"/>
      <c r="H51" s="1373"/>
      <c r="I51" s="1373"/>
      <c r="J51" s="1373"/>
      <c r="K51" s="1373"/>
      <c r="L51" s="1373"/>
      <c r="M51" s="1373"/>
      <c r="N51" s="1373"/>
      <c r="O51" s="1373"/>
      <c r="P51" s="1373"/>
      <c r="Q51" s="1373"/>
      <c r="R51" s="1373"/>
      <c r="S51" s="1373"/>
      <c r="T51" s="1373"/>
      <c r="U51" s="1373"/>
      <c r="V51" s="1373"/>
      <c r="W51" s="1373"/>
      <c r="X51" s="1373"/>
    </row>
    <row r="52" spans="2:24" s="1371" customFormat="1" x14ac:dyDescent="0.15"/>
    <row r="53" spans="2:24" s="1371" customFormat="1" x14ac:dyDescent="0.15"/>
    <row r="54" spans="2:24" s="1371" customFormat="1" x14ac:dyDescent="0.15">
      <c r="D54" s="1374"/>
    </row>
    <row r="55" spans="2:24" s="1371" customFormat="1" x14ac:dyDescent="0.15"/>
    <row r="56" spans="2:24" ht="11.1" customHeight="1" x14ac:dyDescent="0.15"/>
    <row r="93" ht="15.6" customHeight="1" x14ac:dyDescent="0.15"/>
    <row r="94" ht="15.6" customHeight="1" x14ac:dyDescent="0.15"/>
    <row r="95" ht="15.6" customHeight="1" x14ac:dyDescent="0.15"/>
  </sheetData>
  <mergeCells count="11">
    <mergeCell ref="T3:X3"/>
    <mergeCell ref="Q3:R6"/>
    <mergeCell ref="A3:B6"/>
    <mergeCell ref="Q44:R44"/>
    <mergeCell ref="K3:P3"/>
    <mergeCell ref="E3:J3"/>
    <mergeCell ref="Q46:R46"/>
    <mergeCell ref="A45:B45"/>
    <mergeCell ref="A46:B46"/>
    <mergeCell ref="Q45:R45"/>
    <mergeCell ref="A44:B44"/>
  </mergeCells>
  <phoneticPr fontId="0"/>
  <printOptions verticalCentered="1" gridLinesSet="0"/>
  <pageMargins left="0.78740157480314965" right="0.27559055118110237" top="0.59055118110236227" bottom="0.59055118110236227" header="0.51181102362204722" footer="0.19685039370078741"/>
  <pageSetup paperSize="9" scale="85" orientation="landscape" blackAndWhite="1" r:id="rId1"/>
  <headerFooter alignWithMargins="0"/>
  <colBreaks count="2" manualBreakCount="2">
    <brk id="16" max="1048575" man="1"/>
    <brk id="24" max="1048575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C7" transitionEvaluation="1" transitionEntry="1" codeName="Sheet66"/>
  <dimension ref="A1:CQ417"/>
  <sheetViews>
    <sheetView zoomScale="90" zoomScaleNormal="90" zoomScaleSheetLayoutView="100" workbookViewId="0">
      <pane xSplit="2" ySplit="6" topLeftCell="C7" activePane="bottomRight" state="frozen"/>
      <selection activeCell="D25" sqref="C1:D1048576"/>
      <selection pane="topRight" activeCell="D25" sqref="C1:D1048576"/>
      <selection pane="bottomLeft" activeCell="D25" sqref="C1:D1048576"/>
      <selection pane="bottomRight"/>
    </sheetView>
  </sheetViews>
  <sheetFormatPr defaultColWidth="14.109375" defaultRowHeight="9.6" x14ac:dyDescent="0.15"/>
  <cols>
    <col min="1" max="1" width="3.6640625" style="30" customWidth="1"/>
    <col min="2" max="2" width="10" style="30" customWidth="1"/>
    <col min="3" max="3" width="11.109375" style="30" bestFit="1" customWidth="1"/>
    <col min="4" max="4" width="2" style="30" customWidth="1"/>
    <col min="5" max="5" width="7.44140625" style="30" customWidth="1"/>
    <col min="6" max="6" width="2.21875" style="30" customWidth="1"/>
    <col min="7" max="7" width="7.6640625" style="30" customWidth="1"/>
    <col min="8" max="8" width="2.109375" style="30" customWidth="1"/>
    <col min="9" max="9" width="7.109375" style="30" customWidth="1"/>
    <col min="10" max="10" width="10" style="30" customWidth="1"/>
    <col min="11" max="11" width="11.109375" style="30" bestFit="1" customWidth="1"/>
    <col min="12" max="12" width="2.21875" style="30" customWidth="1"/>
    <col min="13" max="13" width="7.6640625" style="30" customWidth="1"/>
    <col min="14" max="14" width="1.88671875" style="30" customWidth="1"/>
    <col min="15" max="15" width="7.6640625" style="30" customWidth="1"/>
    <col min="16" max="16" width="1.44140625" style="30" customWidth="1"/>
    <col min="17" max="17" width="6.88671875" style="30" customWidth="1"/>
    <col min="18" max="18" width="10" style="30" customWidth="1"/>
    <col min="19" max="21" width="8" style="30" customWidth="1"/>
    <col min="22" max="22" width="10.109375" style="30" customWidth="1"/>
    <col min="23" max="23" width="3.6640625" style="30" customWidth="1"/>
    <col min="24" max="24" width="10" style="30" customWidth="1"/>
    <col min="25" max="26" width="12.44140625" style="30" customWidth="1"/>
    <col min="27" max="27" width="11.109375" style="30" customWidth="1"/>
    <col min="28" max="28" width="12.44140625" style="30" customWidth="1"/>
    <col min="29" max="29" width="11.109375" style="30" bestFit="1" customWidth="1"/>
    <col min="30" max="30" width="12.6640625" style="30" customWidth="1"/>
    <col min="31" max="31" width="14.6640625" style="30" customWidth="1"/>
    <col min="32" max="32" width="3.6640625" style="30" customWidth="1"/>
    <col min="33" max="33" width="11.6640625" style="30" customWidth="1"/>
    <col min="34" max="34" width="10.44140625" style="30" customWidth="1"/>
    <col min="35" max="35" width="1.88671875" style="30" customWidth="1"/>
    <col min="36" max="36" width="9.33203125" style="30" bestFit="1" customWidth="1"/>
    <col min="37" max="37" width="2.21875" style="30" bestFit="1" customWidth="1"/>
    <col min="38" max="38" width="9.33203125" style="30" bestFit="1" customWidth="1"/>
    <col min="39" max="39" width="1.88671875" style="30" customWidth="1"/>
    <col min="40" max="40" width="9.33203125" style="30" bestFit="1" customWidth="1"/>
    <col min="41" max="41" width="10" style="30" customWidth="1"/>
    <col min="42" max="42" width="11.109375" style="30" bestFit="1" customWidth="1"/>
    <col min="43" max="43" width="1.88671875" style="30" customWidth="1"/>
    <col min="44" max="44" width="9.33203125" style="30" bestFit="1" customWidth="1"/>
    <col min="45" max="45" width="1.88671875" style="30" customWidth="1"/>
    <col min="46" max="46" width="9.33203125" style="30" bestFit="1" customWidth="1"/>
    <col min="47" max="47" width="1.88671875" style="30" customWidth="1"/>
    <col min="48" max="48" width="9.33203125" style="30" bestFit="1" customWidth="1"/>
    <col min="49" max="49" width="10" style="30" customWidth="1"/>
    <col min="50" max="52" width="8" style="30" customWidth="1"/>
    <col min="53" max="53" width="10.109375" style="30" customWidth="1"/>
    <col min="54" max="54" width="3.6640625" style="30" customWidth="1"/>
    <col min="55" max="55" width="10" style="30" customWidth="1"/>
    <col min="56" max="56" width="12.33203125" style="30" customWidth="1"/>
    <col min="57" max="57" width="11.6640625" style="30" customWidth="1"/>
    <col min="58" max="58" width="10.6640625" style="30" customWidth="1"/>
    <col min="59" max="59" width="13.6640625" style="30" customWidth="1"/>
    <col min="60" max="60" width="9.6640625" style="30" customWidth="1"/>
    <col min="61" max="61" width="12.6640625" style="30" customWidth="1"/>
    <col min="62" max="62" width="14.6640625" style="30" customWidth="1"/>
    <col min="63" max="63" width="3.6640625" style="30" customWidth="1"/>
    <col min="64" max="64" width="9.6640625" style="30" customWidth="1"/>
    <col min="65" max="65" width="11.109375" style="30" bestFit="1" customWidth="1"/>
    <col min="66" max="66" width="1.6640625" style="30" customWidth="1"/>
    <col min="67" max="67" width="7.6640625" style="30" customWidth="1"/>
    <col min="68" max="68" width="1.33203125" style="30" customWidth="1"/>
    <col min="69" max="69" width="7.6640625" style="30" customWidth="1"/>
    <col min="70" max="70" width="1.44140625" style="30" customWidth="1"/>
    <col min="71" max="71" width="6.6640625" style="30" bestFit="1" customWidth="1"/>
    <col min="72" max="72" width="9.88671875" style="30" customWidth="1"/>
    <col min="73" max="73" width="11.109375" style="30" bestFit="1" customWidth="1"/>
    <col min="74" max="74" width="1.44140625" style="30" customWidth="1"/>
    <col min="75" max="75" width="7.6640625" style="30" customWidth="1"/>
    <col min="76" max="76" width="1.44140625" style="30" customWidth="1"/>
    <col min="77" max="77" width="7.6640625" style="30" customWidth="1"/>
    <col min="78" max="78" width="1.6640625" style="30" customWidth="1"/>
    <col min="79" max="79" width="6.6640625" style="30" bestFit="1" customWidth="1"/>
    <col min="80" max="80" width="10" style="30" customWidth="1"/>
    <col min="81" max="81" width="8" style="30" customWidth="1"/>
    <col min="82" max="82" width="7.88671875" style="30" customWidth="1"/>
    <col min="83" max="83" width="8" style="30" customWidth="1"/>
    <col min="84" max="84" width="10.109375" style="30" customWidth="1"/>
    <col min="85" max="85" width="3.6640625" style="30" customWidth="1"/>
    <col min="86" max="86" width="10" style="30" customWidth="1"/>
    <col min="87" max="87" width="12.6640625" style="30" customWidth="1"/>
    <col min="88" max="88" width="11.6640625" style="30" customWidth="1"/>
    <col min="89" max="89" width="10.6640625" style="30" customWidth="1"/>
    <col min="90" max="90" width="13.6640625" style="30" customWidth="1"/>
    <col min="91" max="91" width="9.6640625" style="30" customWidth="1"/>
    <col min="92" max="92" width="12.6640625" style="30" customWidth="1"/>
    <col min="93" max="93" width="14.6640625" style="30" customWidth="1"/>
    <col min="94" max="94" width="4.44140625" style="30" customWidth="1"/>
    <col min="95" max="16384" width="14.109375" style="30"/>
  </cols>
  <sheetData>
    <row r="1" spans="1:93" s="27" customFormat="1" ht="13.5" customHeight="1" x14ac:dyDescent="0.2">
      <c r="A1" s="67" t="s">
        <v>561</v>
      </c>
      <c r="W1" s="67" t="s">
        <v>372</v>
      </c>
      <c r="AF1" s="67" t="s">
        <v>373</v>
      </c>
      <c r="BB1" s="67" t="s">
        <v>374</v>
      </c>
      <c r="BK1" s="67" t="s">
        <v>563</v>
      </c>
      <c r="CG1" s="67" t="s">
        <v>562</v>
      </c>
    </row>
    <row r="2" spans="1:93" s="26" customFormat="1" ht="12.75" customHeight="1" thickBot="1" x14ac:dyDescent="0.2">
      <c r="A2" s="655" t="s">
        <v>142</v>
      </c>
      <c r="B2" s="656"/>
      <c r="C2" s="654"/>
      <c r="D2" s="654"/>
      <c r="E2" s="654"/>
      <c r="F2" s="654"/>
      <c r="G2" s="654"/>
      <c r="H2" s="654"/>
      <c r="I2" s="654"/>
      <c r="J2" s="654"/>
      <c r="K2" s="654"/>
      <c r="L2" s="654"/>
      <c r="M2" s="654"/>
      <c r="N2" s="654"/>
      <c r="O2" s="654"/>
      <c r="P2" s="654"/>
      <c r="Q2" s="654"/>
      <c r="R2" s="654"/>
      <c r="S2" s="654"/>
      <c r="T2" s="654"/>
      <c r="U2" s="654"/>
      <c r="V2" s="654"/>
      <c r="W2" s="655" t="s">
        <v>142</v>
      </c>
      <c r="X2" s="656"/>
      <c r="Y2" s="655"/>
      <c r="AB2" s="216"/>
      <c r="AC2" s="216"/>
      <c r="AD2" s="216"/>
      <c r="AE2" s="41" t="s">
        <v>341</v>
      </c>
      <c r="AF2" s="655" t="s">
        <v>279</v>
      </c>
      <c r="AG2" s="654"/>
      <c r="AH2" s="654"/>
      <c r="AI2" s="654"/>
      <c r="AJ2" s="654"/>
      <c r="AK2" s="654"/>
      <c r="AL2" s="654"/>
      <c r="AM2" s="654"/>
      <c r="AN2" s="654"/>
      <c r="AO2" s="654"/>
      <c r="AP2" s="654"/>
      <c r="AQ2" s="654"/>
      <c r="AR2" s="654"/>
      <c r="AS2" s="654"/>
      <c r="AT2" s="654"/>
      <c r="AU2" s="654"/>
      <c r="AV2" s="654"/>
      <c r="AW2" s="654"/>
      <c r="AX2" s="654"/>
      <c r="AY2" s="654"/>
      <c r="AZ2" s="654"/>
      <c r="BA2" s="654"/>
      <c r="BB2" s="655" t="s">
        <v>279</v>
      </c>
      <c r="BC2" s="654"/>
      <c r="BG2" s="216"/>
      <c r="BH2" s="216"/>
      <c r="BI2" s="216"/>
      <c r="BJ2" s="41" t="s">
        <v>342</v>
      </c>
      <c r="BK2" s="655" t="s">
        <v>143</v>
      </c>
      <c r="BL2" s="654"/>
      <c r="BM2" s="654"/>
      <c r="BN2" s="654"/>
      <c r="BO2" s="53"/>
      <c r="BP2" s="654"/>
      <c r="BQ2" s="654"/>
      <c r="BR2" s="654"/>
      <c r="BS2" s="654"/>
      <c r="BT2" s="654"/>
      <c r="BU2" s="654"/>
      <c r="BV2" s="654"/>
      <c r="BW2" s="654"/>
      <c r="BX2" s="654"/>
      <c r="BY2" s="654"/>
      <c r="BZ2" s="654"/>
      <c r="CA2" s="654"/>
      <c r="CB2" s="654"/>
      <c r="CC2" s="654"/>
      <c r="CD2" s="654"/>
      <c r="CE2" s="654"/>
      <c r="CF2" s="654"/>
      <c r="CG2" s="655" t="s">
        <v>143</v>
      </c>
      <c r="CH2" s="654"/>
      <c r="CL2" s="216"/>
      <c r="CM2" s="216"/>
      <c r="CN2" s="216"/>
      <c r="CO2" s="41" t="s">
        <v>343</v>
      </c>
    </row>
    <row r="3" spans="1:93" s="26" customFormat="1" ht="12" customHeight="1" x14ac:dyDescent="0.15">
      <c r="A3" s="1751" t="s">
        <v>0</v>
      </c>
      <c r="B3" s="1752"/>
      <c r="C3" s="1792" t="s">
        <v>189</v>
      </c>
      <c r="D3" s="1793"/>
      <c r="E3" s="1793"/>
      <c r="F3" s="1793"/>
      <c r="G3" s="1793"/>
      <c r="H3" s="1793"/>
      <c r="I3" s="1793"/>
      <c r="J3" s="1793"/>
      <c r="K3" s="1793"/>
      <c r="L3" s="1793"/>
      <c r="M3" s="1793"/>
      <c r="N3" s="1793"/>
      <c r="O3" s="1793"/>
      <c r="P3" s="1793"/>
      <c r="Q3" s="1793"/>
      <c r="R3" s="1793"/>
      <c r="S3" s="1793"/>
      <c r="T3" s="1793"/>
      <c r="U3" s="1793"/>
      <c r="V3" s="1794"/>
      <c r="W3" s="1751" t="s">
        <v>0</v>
      </c>
      <c r="X3" s="1752"/>
      <c r="Y3" s="1792" t="s">
        <v>189</v>
      </c>
      <c r="Z3" s="1793"/>
      <c r="AA3" s="1793"/>
      <c r="AB3" s="1793"/>
      <c r="AC3" s="1793"/>
      <c r="AD3" s="1793"/>
      <c r="AE3" s="1794"/>
      <c r="AF3" s="1751" t="s">
        <v>0</v>
      </c>
      <c r="AG3" s="1752"/>
      <c r="AH3" s="1792" t="s">
        <v>189</v>
      </c>
      <c r="AI3" s="1793"/>
      <c r="AJ3" s="1793"/>
      <c r="AK3" s="1793"/>
      <c r="AL3" s="1793"/>
      <c r="AM3" s="1793"/>
      <c r="AN3" s="1793"/>
      <c r="AO3" s="1793"/>
      <c r="AP3" s="1793"/>
      <c r="AQ3" s="1793"/>
      <c r="AR3" s="1793"/>
      <c r="AS3" s="1793"/>
      <c r="AT3" s="1793"/>
      <c r="AU3" s="1793"/>
      <c r="AV3" s="1793"/>
      <c r="AW3" s="1793"/>
      <c r="AX3" s="1793"/>
      <c r="AY3" s="1793"/>
      <c r="AZ3" s="1793"/>
      <c r="BA3" s="1794"/>
      <c r="BB3" s="1751" t="s">
        <v>0</v>
      </c>
      <c r="BC3" s="1752"/>
      <c r="BD3" s="1792" t="s">
        <v>189</v>
      </c>
      <c r="BE3" s="1793"/>
      <c r="BF3" s="1793"/>
      <c r="BG3" s="1793"/>
      <c r="BH3" s="1793"/>
      <c r="BI3" s="1793"/>
      <c r="BJ3" s="1794"/>
      <c r="BK3" s="1751" t="s">
        <v>0</v>
      </c>
      <c r="BL3" s="1752"/>
      <c r="BM3" s="1792" t="s">
        <v>189</v>
      </c>
      <c r="BN3" s="1793"/>
      <c r="BO3" s="1793"/>
      <c r="BP3" s="1793"/>
      <c r="BQ3" s="1793"/>
      <c r="BR3" s="1793"/>
      <c r="BS3" s="1793"/>
      <c r="BT3" s="1793"/>
      <c r="BU3" s="1793"/>
      <c r="BV3" s="1793"/>
      <c r="BW3" s="1793"/>
      <c r="BX3" s="1793"/>
      <c r="BY3" s="1793"/>
      <c r="BZ3" s="1793"/>
      <c r="CA3" s="1793"/>
      <c r="CB3" s="1793"/>
      <c r="CC3" s="1793"/>
      <c r="CD3" s="1793"/>
      <c r="CE3" s="1793"/>
      <c r="CF3" s="1794"/>
      <c r="CG3" s="1751" t="s">
        <v>0</v>
      </c>
      <c r="CH3" s="1752"/>
      <c r="CI3" s="1792" t="s">
        <v>189</v>
      </c>
      <c r="CJ3" s="1793"/>
      <c r="CK3" s="1793"/>
      <c r="CL3" s="1793"/>
      <c r="CM3" s="1793"/>
      <c r="CN3" s="1793"/>
      <c r="CO3" s="1794"/>
    </row>
    <row r="4" spans="1:93" s="26" customFormat="1" ht="12" customHeight="1" x14ac:dyDescent="0.2">
      <c r="A4" s="1753"/>
      <c r="B4" s="1754"/>
      <c r="C4" s="1809" t="s">
        <v>601</v>
      </c>
      <c r="D4" s="46"/>
      <c r="E4" s="12" t="s">
        <v>368</v>
      </c>
      <c r="F4" s="12"/>
      <c r="G4" s="12"/>
      <c r="H4" s="12"/>
      <c r="I4" s="12"/>
      <c r="J4" s="274"/>
      <c r="K4" s="1809" t="s">
        <v>602</v>
      </c>
      <c r="L4" s="734"/>
      <c r="M4" s="12" t="s">
        <v>249</v>
      </c>
      <c r="N4" s="12"/>
      <c r="O4" s="12"/>
      <c r="P4" s="13"/>
      <c r="Q4" s="12"/>
      <c r="R4" s="14"/>
      <c r="S4" s="1767" t="s">
        <v>335</v>
      </c>
      <c r="T4" s="1768"/>
      <c r="U4" s="1768"/>
      <c r="V4" s="1769"/>
      <c r="W4" s="1753"/>
      <c r="X4" s="1754"/>
      <c r="Y4" s="657" t="s">
        <v>250</v>
      </c>
      <c r="Z4" s="658"/>
      <c r="AA4" s="658"/>
      <c r="AB4" s="659"/>
      <c r="AC4" s="1779" t="s">
        <v>251</v>
      </c>
      <c r="AD4" s="1780"/>
      <c r="AE4" s="1807" t="s">
        <v>259</v>
      </c>
      <c r="AF4" s="1753"/>
      <c r="AG4" s="1754"/>
      <c r="AH4" s="1789" t="s">
        <v>603</v>
      </c>
      <c r="AI4" s="1767" t="s">
        <v>247</v>
      </c>
      <c r="AJ4" s="1805"/>
      <c r="AK4" s="1805"/>
      <c r="AL4" s="1805"/>
      <c r="AM4" s="1805"/>
      <c r="AN4" s="1805"/>
      <c r="AO4" s="1806"/>
      <c r="AP4" s="1789" t="s">
        <v>602</v>
      </c>
      <c r="AQ4" s="1767" t="s">
        <v>248</v>
      </c>
      <c r="AR4" s="1797"/>
      <c r="AS4" s="1797"/>
      <c r="AT4" s="1797"/>
      <c r="AU4" s="1797"/>
      <c r="AV4" s="1797"/>
      <c r="AW4" s="1396"/>
      <c r="AX4" s="1767" t="s">
        <v>335</v>
      </c>
      <c r="AY4" s="1797"/>
      <c r="AZ4" s="1797"/>
      <c r="BA4" s="1804"/>
      <c r="BB4" s="1753"/>
      <c r="BC4" s="1754"/>
      <c r="BD4" s="1780" t="s">
        <v>246</v>
      </c>
      <c r="BE4" s="1504"/>
      <c r="BF4" s="1504"/>
      <c r="BG4" s="45"/>
      <c r="BH4" s="1779" t="s">
        <v>245</v>
      </c>
      <c r="BI4" s="1780"/>
      <c r="BJ4" s="1770" t="s">
        <v>337</v>
      </c>
      <c r="BK4" s="1753"/>
      <c r="BL4" s="1754"/>
      <c r="BM4" s="1789" t="s">
        <v>603</v>
      </c>
      <c r="BN4" s="1767" t="s">
        <v>247</v>
      </c>
      <c r="BO4" s="1805"/>
      <c r="BP4" s="1805"/>
      <c r="BQ4" s="1805"/>
      <c r="BR4" s="1805"/>
      <c r="BS4" s="1805"/>
      <c r="BT4" s="1806"/>
      <c r="BU4" s="1789" t="s">
        <v>604</v>
      </c>
      <c r="BV4" s="1767" t="s">
        <v>248</v>
      </c>
      <c r="BW4" s="1797"/>
      <c r="BX4" s="1797"/>
      <c r="BY4" s="1797"/>
      <c r="BZ4" s="1797"/>
      <c r="CA4" s="1797"/>
      <c r="CB4" s="1396"/>
      <c r="CC4" s="1767" t="s">
        <v>338</v>
      </c>
      <c r="CD4" s="1797"/>
      <c r="CE4" s="1797"/>
      <c r="CF4" s="1804"/>
      <c r="CG4" s="1753"/>
      <c r="CH4" s="1754"/>
      <c r="CI4" s="1780" t="s">
        <v>246</v>
      </c>
      <c r="CJ4" s="1780"/>
      <c r="CK4" s="1780"/>
      <c r="CL4" s="1780"/>
      <c r="CM4" s="1779" t="s">
        <v>245</v>
      </c>
      <c r="CN4" s="1780"/>
      <c r="CO4" s="1770" t="s">
        <v>337</v>
      </c>
    </row>
    <row r="5" spans="1:93" s="26" customFormat="1" ht="12" customHeight="1" x14ac:dyDescent="0.15">
      <c r="A5" s="1753"/>
      <c r="B5" s="1754"/>
      <c r="C5" s="1812"/>
      <c r="D5" s="15" t="s">
        <v>256</v>
      </c>
      <c r="E5" s="16" t="s">
        <v>255</v>
      </c>
      <c r="F5" s="17" t="s">
        <v>258</v>
      </c>
      <c r="G5" s="18" t="s">
        <v>257</v>
      </c>
      <c r="H5" s="17" t="s">
        <v>161</v>
      </c>
      <c r="I5" s="19" t="s">
        <v>369</v>
      </c>
      <c r="J5" s="275" t="s">
        <v>243</v>
      </c>
      <c r="K5" s="1810"/>
      <c r="L5" s="1785" t="s">
        <v>256</v>
      </c>
      <c r="M5" s="1773" t="s">
        <v>255</v>
      </c>
      <c r="N5" s="1785" t="s">
        <v>258</v>
      </c>
      <c r="O5" s="1773" t="s">
        <v>257</v>
      </c>
      <c r="P5" s="1785">
        <v>2</v>
      </c>
      <c r="Q5" s="1783" t="s">
        <v>369</v>
      </c>
      <c r="R5" s="1798" t="s">
        <v>243</v>
      </c>
      <c r="S5" s="20" t="s">
        <v>145</v>
      </c>
      <c r="T5" s="21" t="s">
        <v>141</v>
      </c>
      <c r="U5" s="10" t="s">
        <v>155</v>
      </c>
      <c r="V5" s="42" t="s">
        <v>244</v>
      </c>
      <c r="W5" s="1753"/>
      <c r="X5" s="1754"/>
      <c r="Y5" s="1816" t="s">
        <v>145</v>
      </c>
      <c r="Z5" s="1777" t="s">
        <v>141</v>
      </c>
      <c r="AA5" s="1777" t="s">
        <v>155</v>
      </c>
      <c r="AB5" s="738" t="s">
        <v>243</v>
      </c>
      <c r="AC5" s="1815" t="s">
        <v>370</v>
      </c>
      <c r="AD5" s="739" t="s">
        <v>160</v>
      </c>
      <c r="AE5" s="1808"/>
      <c r="AF5" s="1753"/>
      <c r="AG5" s="1754"/>
      <c r="AH5" s="1790"/>
      <c r="AI5" s="15" t="s">
        <v>256</v>
      </c>
      <c r="AJ5" s="19" t="s">
        <v>255</v>
      </c>
      <c r="AK5" s="22" t="s">
        <v>258</v>
      </c>
      <c r="AL5" s="16" t="s">
        <v>257</v>
      </c>
      <c r="AM5" s="23" t="s">
        <v>161</v>
      </c>
      <c r="AN5" s="24" t="s">
        <v>162</v>
      </c>
      <c r="AO5" s="275" t="s">
        <v>243</v>
      </c>
      <c r="AP5" s="1795"/>
      <c r="AQ5" s="1775" t="s">
        <v>256</v>
      </c>
      <c r="AR5" s="1773" t="s">
        <v>255</v>
      </c>
      <c r="AS5" s="1785" t="s">
        <v>258</v>
      </c>
      <c r="AT5" s="1773" t="s">
        <v>257</v>
      </c>
      <c r="AU5" s="1785" t="s">
        <v>161</v>
      </c>
      <c r="AV5" s="1783" t="s">
        <v>162</v>
      </c>
      <c r="AW5" s="1798" t="s">
        <v>243</v>
      </c>
      <c r="AX5" s="20" t="s">
        <v>145</v>
      </c>
      <c r="AY5" s="20" t="s">
        <v>141</v>
      </c>
      <c r="AZ5" s="10" t="s">
        <v>155</v>
      </c>
      <c r="BA5" s="42" t="s">
        <v>243</v>
      </c>
      <c r="BB5" s="1753"/>
      <c r="BC5" s="1754"/>
      <c r="BD5" s="1781" t="s">
        <v>145</v>
      </c>
      <c r="BE5" s="1777" t="s">
        <v>141</v>
      </c>
      <c r="BF5" s="1777" t="s">
        <v>155</v>
      </c>
      <c r="BG5" s="1802" t="s">
        <v>243</v>
      </c>
      <c r="BH5" s="1789" t="s">
        <v>371</v>
      </c>
      <c r="BI5" s="1800" t="s">
        <v>160</v>
      </c>
      <c r="BJ5" s="1771"/>
      <c r="BK5" s="1753"/>
      <c r="BL5" s="1754"/>
      <c r="BM5" s="1790"/>
      <c r="BN5" s="15" t="s">
        <v>256</v>
      </c>
      <c r="BO5" s="19" t="s">
        <v>255</v>
      </c>
      <c r="BP5" s="22" t="s">
        <v>258</v>
      </c>
      <c r="BQ5" s="16" t="s">
        <v>257</v>
      </c>
      <c r="BR5" s="23" t="s">
        <v>161</v>
      </c>
      <c r="BS5" s="24" t="s">
        <v>162</v>
      </c>
      <c r="BT5" s="275" t="s">
        <v>243</v>
      </c>
      <c r="BU5" s="1795"/>
      <c r="BV5" s="1775" t="s">
        <v>256</v>
      </c>
      <c r="BW5" s="1773" t="s">
        <v>255</v>
      </c>
      <c r="BX5" s="1785" t="s">
        <v>258</v>
      </c>
      <c r="BY5" s="1773" t="s">
        <v>257</v>
      </c>
      <c r="BZ5" s="1785" t="s">
        <v>161</v>
      </c>
      <c r="CA5" s="1783" t="s">
        <v>162</v>
      </c>
      <c r="CB5" s="1798" t="s">
        <v>243</v>
      </c>
      <c r="CC5" s="20" t="s">
        <v>145</v>
      </c>
      <c r="CD5" s="20" t="s">
        <v>141</v>
      </c>
      <c r="CE5" s="10" t="s">
        <v>155</v>
      </c>
      <c r="CF5" s="42" t="s">
        <v>243</v>
      </c>
      <c r="CG5" s="1753"/>
      <c r="CH5" s="1754"/>
      <c r="CI5" s="1781" t="s">
        <v>145</v>
      </c>
      <c r="CJ5" s="1777" t="s">
        <v>141</v>
      </c>
      <c r="CK5" s="1777" t="s">
        <v>155</v>
      </c>
      <c r="CL5" s="1802" t="s">
        <v>243</v>
      </c>
      <c r="CM5" s="1789" t="s">
        <v>371</v>
      </c>
      <c r="CN5" s="1800" t="s">
        <v>160</v>
      </c>
      <c r="CO5" s="1771"/>
    </row>
    <row r="6" spans="1:93" s="26" customFormat="1" ht="12" customHeight="1" thickBot="1" x14ac:dyDescent="0.2">
      <c r="A6" s="1755"/>
      <c r="B6" s="1756"/>
      <c r="C6" s="1813"/>
      <c r="D6" s="31"/>
      <c r="E6" s="47" t="s">
        <v>115</v>
      </c>
      <c r="F6" s="48"/>
      <c r="G6" s="47" t="s">
        <v>116</v>
      </c>
      <c r="H6" s="11"/>
      <c r="I6" s="49" t="s">
        <v>117</v>
      </c>
      <c r="J6" s="276" t="s">
        <v>118</v>
      </c>
      <c r="K6" s="1811"/>
      <c r="L6" s="1814"/>
      <c r="M6" s="1774"/>
      <c r="N6" s="1786"/>
      <c r="O6" s="1774"/>
      <c r="P6" s="1786"/>
      <c r="Q6" s="1784"/>
      <c r="R6" s="1799"/>
      <c r="S6" s="32" t="s">
        <v>119</v>
      </c>
      <c r="T6" s="50" t="s">
        <v>120</v>
      </c>
      <c r="U6" s="51" t="s">
        <v>121</v>
      </c>
      <c r="V6" s="52" t="s">
        <v>122</v>
      </c>
      <c r="W6" s="1755"/>
      <c r="X6" s="1756"/>
      <c r="Y6" s="1817"/>
      <c r="Z6" s="1778"/>
      <c r="AA6" s="1778"/>
      <c r="AB6" s="660" t="s">
        <v>190</v>
      </c>
      <c r="AC6" s="1578"/>
      <c r="AD6" s="660" t="s">
        <v>191</v>
      </c>
      <c r="AE6" s="661" t="s">
        <v>336</v>
      </c>
      <c r="AF6" s="1755"/>
      <c r="AG6" s="1756"/>
      <c r="AH6" s="1791"/>
      <c r="AI6" s="31"/>
      <c r="AJ6" s="47" t="s">
        <v>115</v>
      </c>
      <c r="AK6" s="48"/>
      <c r="AL6" s="47" t="s">
        <v>116</v>
      </c>
      <c r="AM6" s="11"/>
      <c r="AN6" s="49" t="s">
        <v>117</v>
      </c>
      <c r="AO6" s="276" t="s">
        <v>118</v>
      </c>
      <c r="AP6" s="1796"/>
      <c r="AQ6" s="1776"/>
      <c r="AR6" s="1774"/>
      <c r="AS6" s="1786"/>
      <c r="AT6" s="1774"/>
      <c r="AU6" s="1786"/>
      <c r="AV6" s="1784"/>
      <c r="AW6" s="1799"/>
      <c r="AX6" s="32" t="s">
        <v>119</v>
      </c>
      <c r="AY6" s="32" t="s">
        <v>120</v>
      </c>
      <c r="AZ6" s="51" t="s">
        <v>121</v>
      </c>
      <c r="BA6" s="52" t="s">
        <v>122</v>
      </c>
      <c r="BB6" s="1755"/>
      <c r="BC6" s="1756"/>
      <c r="BD6" s="1782"/>
      <c r="BE6" s="1778"/>
      <c r="BF6" s="1778"/>
      <c r="BG6" s="1803"/>
      <c r="BH6" s="1791"/>
      <c r="BI6" s="1801"/>
      <c r="BJ6" s="1772"/>
      <c r="BK6" s="1755"/>
      <c r="BL6" s="1756"/>
      <c r="BM6" s="1791"/>
      <c r="BN6" s="31"/>
      <c r="BO6" s="47" t="s">
        <v>115</v>
      </c>
      <c r="BP6" s="48"/>
      <c r="BQ6" s="47" t="s">
        <v>116</v>
      </c>
      <c r="BR6" s="11"/>
      <c r="BS6" s="49" t="s">
        <v>117</v>
      </c>
      <c r="BT6" s="276" t="s">
        <v>118</v>
      </c>
      <c r="BU6" s="1796"/>
      <c r="BV6" s="1776"/>
      <c r="BW6" s="1774"/>
      <c r="BX6" s="1786"/>
      <c r="BY6" s="1774"/>
      <c r="BZ6" s="1786"/>
      <c r="CA6" s="1784"/>
      <c r="CB6" s="1799"/>
      <c r="CC6" s="32" t="s">
        <v>119</v>
      </c>
      <c r="CD6" s="32" t="s">
        <v>120</v>
      </c>
      <c r="CE6" s="51" t="s">
        <v>121</v>
      </c>
      <c r="CF6" s="52" t="s">
        <v>122</v>
      </c>
      <c r="CG6" s="1755"/>
      <c r="CH6" s="1756"/>
      <c r="CI6" s="1782"/>
      <c r="CJ6" s="1778"/>
      <c r="CK6" s="1778"/>
      <c r="CL6" s="1803"/>
      <c r="CM6" s="1791"/>
      <c r="CN6" s="1801"/>
      <c r="CO6" s="1772"/>
    </row>
    <row r="7" spans="1:93" s="26" customFormat="1" ht="15" customHeight="1" thickTop="1" x14ac:dyDescent="0.15">
      <c r="A7" s="33">
        <v>1</v>
      </c>
      <c r="B7" s="65" t="s">
        <v>1</v>
      </c>
      <c r="C7" s="77">
        <v>473613</v>
      </c>
      <c r="D7" s="73"/>
      <c r="E7" s="316">
        <v>121563</v>
      </c>
      <c r="F7" s="73"/>
      <c r="G7" s="69">
        <v>49581</v>
      </c>
      <c r="H7" s="70"/>
      <c r="I7" s="316">
        <v>50000</v>
      </c>
      <c r="J7" s="77">
        <v>221144</v>
      </c>
      <c r="K7" s="77">
        <v>693613</v>
      </c>
      <c r="L7" s="73"/>
      <c r="M7" s="317">
        <v>148698</v>
      </c>
      <c r="N7" s="320"/>
      <c r="O7" s="316">
        <v>82897</v>
      </c>
      <c r="P7" s="321"/>
      <c r="Q7" s="316">
        <v>85495</v>
      </c>
      <c r="R7" s="318">
        <v>317090</v>
      </c>
      <c r="S7" s="662">
        <v>0.25669999999999998</v>
      </c>
      <c r="T7" s="663">
        <v>0.1047</v>
      </c>
      <c r="U7" s="664">
        <v>0.1056</v>
      </c>
      <c r="V7" s="665">
        <v>0.46689999999999998</v>
      </c>
      <c r="W7" s="33">
        <v>1</v>
      </c>
      <c r="X7" s="65" t="s">
        <v>1</v>
      </c>
      <c r="Y7" s="666">
        <v>3572320752</v>
      </c>
      <c r="Z7" s="666">
        <v>1422512520</v>
      </c>
      <c r="AA7" s="667">
        <v>586851408</v>
      </c>
      <c r="AB7" s="319">
        <v>5581684680</v>
      </c>
      <c r="AC7" s="319">
        <v>91970</v>
      </c>
      <c r="AD7" s="319">
        <v>4140915222</v>
      </c>
      <c r="AE7" s="668">
        <v>9722599902</v>
      </c>
      <c r="AF7" s="33">
        <v>1</v>
      </c>
      <c r="AG7" s="65" t="s">
        <v>1</v>
      </c>
      <c r="AH7" s="316">
        <v>473613</v>
      </c>
      <c r="AI7" s="320"/>
      <c r="AJ7" s="316">
        <v>121563</v>
      </c>
      <c r="AK7" s="73"/>
      <c r="AL7" s="69">
        <v>49581</v>
      </c>
      <c r="AM7" s="70"/>
      <c r="AN7" s="316">
        <v>50000</v>
      </c>
      <c r="AO7" s="77">
        <v>221144</v>
      </c>
      <c r="AP7" s="77">
        <v>693613</v>
      </c>
      <c r="AQ7" s="73"/>
      <c r="AR7" s="317">
        <v>152307</v>
      </c>
      <c r="AS7" s="320"/>
      <c r="AT7" s="316">
        <v>82559</v>
      </c>
      <c r="AU7" s="321"/>
      <c r="AV7" s="316">
        <v>87517</v>
      </c>
      <c r="AW7" s="318">
        <v>322383</v>
      </c>
      <c r="AX7" s="662">
        <v>0.25669999999999998</v>
      </c>
      <c r="AY7" s="662">
        <v>0.1047</v>
      </c>
      <c r="AZ7" s="664">
        <v>0.1056</v>
      </c>
      <c r="BA7" s="665">
        <v>0.46689999999999998</v>
      </c>
      <c r="BB7" s="33">
        <v>1</v>
      </c>
      <c r="BC7" s="65" t="s">
        <v>1</v>
      </c>
      <c r="BD7" s="77">
        <v>1074194352</v>
      </c>
      <c r="BE7" s="77">
        <v>427748520</v>
      </c>
      <c r="BF7" s="77">
        <v>176465808</v>
      </c>
      <c r="BG7" s="319">
        <v>1678408680</v>
      </c>
      <c r="BH7" s="319">
        <v>27654</v>
      </c>
      <c r="BI7" s="319">
        <v>1245111118</v>
      </c>
      <c r="BJ7" s="668">
        <v>2923519798</v>
      </c>
      <c r="BK7" s="33">
        <v>1</v>
      </c>
      <c r="BL7" s="65" t="s">
        <v>1</v>
      </c>
      <c r="BM7" s="316">
        <v>197723</v>
      </c>
      <c r="BN7" s="320"/>
      <c r="BO7" s="316">
        <v>51194</v>
      </c>
      <c r="BP7" s="73"/>
      <c r="BQ7" s="69">
        <v>19328</v>
      </c>
      <c r="BR7" s="70"/>
      <c r="BS7" s="316">
        <v>16961</v>
      </c>
      <c r="BT7" s="77">
        <v>87483</v>
      </c>
      <c r="BU7" s="77">
        <v>227578</v>
      </c>
      <c r="BV7" s="73"/>
      <c r="BW7" s="317">
        <v>54690</v>
      </c>
      <c r="BX7" s="320"/>
      <c r="BY7" s="316">
        <v>22950</v>
      </c>
      <c r="BZ7" s="321"/>
      <c r="CA7" s="316">
        <v>20363</v>
      </c>
      <c r="CB7" s="318">
        <v>98003</v>
      </c>
      <c r="CC7" s="662">
        <v>0.25890000000000002</v>
      </c>
      <c r="CD7" s="662">
        <v>9.7799999999999998E-2</v>
      </c>
      <c r="CE7" s="664">
        <v>8.5800000000000001E-2</v>
      </c>
      <c r="CF7" s="665">
        <v>0.4425</v>
      </c>
      <c r="CG7" s="33">
        <v>1</v>
      </c>
      <c r="CH7" s="65" t="s">
        <v>1</v>
      </c>
      <c r="CI7" s="77">
        <v>553189350</v>
      </c>
      <c r="CJ7" s="77">
        <v>165813750</v>
      </c>
      <c r="CK7" s="77">
        <v>58849070</v>
      </c>
      <c r="CL7" s="319">
        <v>777852170</v>
      </c>
      <c r="CM7" s="319">
        <v>38573</v>
      </c>
      <c r="CN7" s="319">
        <v>542478715</v>
      </c>
      <c r="CO7" s="668">
        <v>1320330885</v>
      </c>
    </row>
    <row r="8" spans="1:93" s="26" customFormat="1" ht="15" customHeight="1" x14ac:dyDescent="0.15">
      <c r="A8" s="33">
        <v>2</v>
      </c>
      <c r="B8" s="65" t="s">
        <v>2</v>
      </c>
      <c r="C8" s="77">
        <v>176186</v>
      </c>
      <c r="D8" s="73"/>
      <c r="E8" s="669">
        <v>40854</v>
      </c>
      <c r="F8" s="73"/>
      <c r="G8" s="71">
        <v>17526</v>
      </c>
      <c r="H8" s="70"/>
      <c r="I8" s="316">
        <v>16334</v>
      </c>
      <c r="J8" s="77">
        <v>74714</v>
      </c>
      <c r="K8" s="77">
        <v>254355</v>
      </c>
      <c r="L8" s="73"/>
      <c r="M8" s="670">
        <v>49811</v>
      </c>
      <c r="N8" s="320"/>
      <c r="O8" s="671">
        <v>28515</v>
      </c>
      <c r="P8" s="321"/>
      <c r="Q8" s="316">
        <v>27779</v>
      </c>
      <c r="R8" s="318">
        <v>106105</v>
      </c>
      <c r="S8" s="662">
        <v>0.2319</v>
      </c>
      <c r="T8" s="663">
        <v>9.9500000000000005E-2</v>
      </c>
      <c r="U8" s="664">
        <v>9.2700000000000005E-2</v>
      </c>
      <c r="V8" s="665">
        <v>0.42409999999999998</v>
      </c>
      <c r="W8" s="33">
        <v>2</v>
      </c>
      <c r="X8" s="65" t="s">
        <v>2</v>
      </c>
      <c r="Y8" s="672">
        <v>1214989912</v>
      </c>
      <c r="Z8" s="672">
        <v>496816845</v>
      </c>
      <c r="AA8" s="672">
        <v>193591851</v>
      </c>
      <c r="AB8" s="319">
        <v>1905398608</v>
      </c>
      <c r="AC8" s="673">
        <v>82186</v>
      </c>
      <c r="AD8" s="673">
        <v>1238955594</v>
      </c>
      <c r="AE8" s="674">
        <v>3144354202</v>
      </c>
      <c r="AF8" s="33">
        <v>2</v>
      </c>
      <c r="AG8" s="65" t="s">
        <v>2</v>
      </c>
      <c r="AH8" s="316">
        <v>176186</v>
      </c>
      <c r="AI8" s="320"/>
      <c r="AJ8" s="669">
        <v>40854</v>
      </c>
      <c r="AK8" s="73"/>
      <c r="AL8" s="71">
        <v>17526</v>
      </c>
      <c r="AM8" s="70"/>
      <c r="AN8" s="316">
        <v>16334</v>
      </c>
      <c r="AO8" s="77">
        <v>74714</v>
      </c>
      <c r="AP8" s="219">
        <v>254355</v>
      </c>
      <c r="AQ8" s="73"/>
      <c r="AR8" s="670">
        <v>51086</v>
      </c>
      <c r="AS8" s="220"/>
      <c r="AT8" s="671">
        <v>28926</v>
      </c>
      <c r="AU8" s="321"/>
      <c r="AV8" s="316">
        <v>28555</v>
      </c>
      <c r="AW8" s="318">
        <v>108567</v>
      </c>
      <c r="AX8" s="662">
        <v>0.2319</v>
      </c>
      <c r="AY8" s="662">
        <v>9.9500000000000005E-2</v>
      </c>
      <c r="AZ8" s="664">
        <v>9.2700000000000005E-2</v>
      </c>
      <c r="BA8" s="665">
        <v>0.42409999999999998</v>
      </c>
      <c r="BB8" s="33">
        <v>2</v>
      </c>
      <c r="BC8" s="65" t="s">
        <v>2</v>
      </c>
      <c r="BD8" s="77">
        <v>439681697</v>
      </c>
      <c r="BE8" s="77">
        <v>179787075</v>
      </c>
      <c r="BF8" s="77">
        <v>70058638</v>
      </c>
      <c r="BG8" s="673">
        <v>689527410</v>
      </c>
      <c r="BH8" s="673">
        <v>29405</v>
      </c>
      <c r="BI8" s="673">
        <v>443280963</v>
      </c>
      <c r="BJ8" s="674">
        <v>1132808373</v>
      </c>
      <c r="BK8" s="33">
        <v>2</v>
      </c>
      <c r="BL8" s="65" t="s">
        <v>2</v>
      </c>
      <c r="BM8" s="316">
        <v>76462</v>
      </c>
      <c r="BN8" s="320"/>
      <c r="BO8" s="669">
        <v>16840</v>
      </c>
      <c r="BP8" s="73"/>
      <c r="BQ8" s="71">
        <v>6891</v>
      </c>
      <c r="BR8" s="70"/>
      <c r="BS8" s="316">
        <v>6053</v>
      </c>
      <c r="BT8" s="77">
        <v>29784</v>
      </c>
      <c r="BU8" s="219">
        <v>88386</v>
      </c>
      <c r="BV8" s="73"/>
      <c r="BW8" s="670">
        <v>18072</v>
      </c>
      <c r="BX8" s="220"/>
      <c r="BY8" s="671">
        <v>8210</v>
      </c>
      <c r="BZ8" s="321"/>
      <c r="CA8" s="316">
        <v>7341</v>
      </c>
      <c r="CB8" s="318">
        <v>33623</v>
      </c>
      <c r="CC8" s="662">
        <v>0.22020000000000001</v>
      </c>
      <c r="CD8" s="662">
        <v>9.01E-2</v>
      </c>
      <c r="CE8" s="664">
        <v>7.9200000000000007E-2</v>
      </c>
      <c r="CF8" s="665">
        <v>0.38950000000000001</v>
      </c>
      <c r="CG8" s="33">
        <v>2</v>
      </c>
      <c r="CH8" s="65" t="s">
        <v>2</v>
      </c>
      <c r="CI8" s="77">
        <v>183882600</v>
      </c>
      <c r="CJ8" s="77">
        <v>59670280</v>
      </c>
      <c r="CK8" s="77">
        <v>21340287</v>
      </c>
      <c r="CL8" s="673">
        <v>264893167</v>
      </c>
      <c r="CM8" s="673">
        <v>32619</v>
      </c>
      <c r="CN8" s="673">
        <v>157045154</v>
      </c>
      <c r="CO8" s="674">
        <v>421938321</v>
      </c>
    </row>
    <row r="9" spans="1:93" s="26" customFormat="1" ht="15" customHeight="1" x14ac:dyDescent="0.15">
      <c r="A9" s="33">
        <v>3</v>
      </c>
      <c r="B9" s="65" t="s">
        <v>3</v>
      </c>
      <c r="C9" s="77">
        <v>60003</v>
      </c>
      <c r="D9" s="73"/>
      <c r="E9" s="671">
        <v>15930</v>
      </c>
      <c r="F9" s="73"/>
      <c r="G9" s="72">
        <v>7305</v>
      </c>
      <c r="H9" s="70"/>
      <c r="I9" s="316">
        <v>7677</v>
      </c>
      <c r="J9" s="77">
        <v>30912</v>
      </c>
      <c r="K9" s="77">
        <v>91002</v>
      </c>
      <c r="L9" s="73"/>
      <c r="M9" s="670">
        <v>20881</v>
      </c>
      <c r="N9" s="320"/>
      <c r="O9" s="671">
        <v>12592</v>
      </c>
      <c r="P9" s="321"/>
      <c r="Q9" s="316">
        <v>13281</v>
      </c>
      <c r="R9" s="318">
        <v>46754</v>
      </c>
      <c r="S9" s="662">
        <v>0.26550000000000001</v>
      </c>
      <c r="T9" s="663">
        <v>0.1217</v>
      </c>
      <c r="U9" s="664">
        <v>0.12790000000000001</v>
      </c>
      <c r="V9" s="665">
        <v>0.51519999999999999</v>
      </c>
      <c r="W9" s="33">
        <v>3</v>
      </c>
      <c r="X9" s="65" t="s">
        <v>3</v>
      </c>
      <c r="Y9" s="672">
        <v>593799623</v>
      </c>
      <c r="Z9" s="672">
        <v>217093790</v>
      </c>
      <c r="AA9" s="672">
        <v>89944181</v>
      </c>
      <c r="AB9" s="319">
        <v>900837594</v>
      </c>
      <c r="AC9" s="673">
        <v>74658</v>
      </c>
      <c r="AD9" s="673">
        <v>494352427</v>
      </c>
      <c r="AE9" s="674">
        <v>1395190021</v>
      </c>
      <c r="AF9" s="33">
        <v>3</v>
      </c>
      <c r="AG9" s="65" t="s">
        <v>3</v>
      </c>
      <c r="AH9" s="316">
        <v>60003</v>
      </c>
      <c r="AI9" s="320"/>
      <c r="AJ9" s="671">
        <v>15930</v>
      </c>
      <c r="AK9" s="73"/>
      <c r="AL9" s="72">
        <v>7305</v>
      </c>
      <c r="AM9" s="70"/>
      <c r="AN9" s="316">
        <v>7677</v>
      </c>
      <c r="AO9" s="77">
        <v>30912</v>
      </c>
      <c r="AP9" s="219">
        <v>91002</v>
      </c>
      <c r="AQ9" s="73"/>
      <c r="AR9" s="670">
        <v>21316</v>
      </c>
      <c r="AS9" s="320"/>
      <c r="AT9" s="671">
        <v>12775</v>
      </c>
      <c r="AU9" s="321"/>
      <c r="AV9" s="316">
        <v>13584</v>
      </c>
      <c r="AW9" s="318">
        <v>47675</v>
      </c>
      <c r="AX9" s="662">
        <v>0.26550000000000001</v>
      </c>
      <c r="AY9" s="662">
        <v>0.1217</v>
      </c>
      <c r="AZ9" s="664">
        <v>0.12790000000000001</v>
      </c>
      <c r="BA9" s="665">
        <v>0.51519999999999999</v>
      </c>
      <c r="BB9" s="33">
        <v>3</v>
      </c>
      <c r="BC9" s="65" t="s">
        <v>3</v>
      </c>
      <c r="BD9" s="77">
        <v>209426946</v>
      </c>
      <c r="BE9" s="77">
        <v>76528920</v>
      </c>
      <c r="BF9" s="77">
        <v>31704714</v>
      </c>
      <c r="BG9" s="673">
        <v>317660580</v>
      </c>
      <c r="BH9" s="673">
        <v>26382</v>
      </c>
      <c r="BI9" s="673">
        <v>174689995</v>
      </c>
      <c r="BJ9" s="674">
        <v>492350575</v>
      </c>
      <c r="BK9" s="33">
        <v>3</v>
      </c>
      <c r="BL9" s="65" t="s">
        <v>3</v>
      </c>
      <c r="BM9" s="316">
        <v>24181</v>
      </c>
      <c r="BN9" s="320"/>
      <c r="BO9" s="671">
        <v>6713</v>
      </c>
      <c r="BP9" s="73"/>
      <c r="BQ9" s="72">
        <v>2838</v>
      </c>
      <c r="BR9" s="70"/>
      <c r="BS9" s="316">
        <v>2552</v>
      </c>
      <c r="BT9" s="77">
        <v>12103</v>
      </c>
      <c r="BU9" s="219">
        <v>27653</v>
      </c>
      <c r="BV9" s="73"/>
      <c r="BW9" s="670">
        <v>7195</v>
      </c>
      <c r="BX9" s="320"/>
      <c r="BY9" s="671">
        <v>3308</v>
      </c>
      <c r="BZ9" s="321"/>
      <c r="CA9" s="316">
        <v>2990</v>
      </c>
      <c r="CB9" s="318">
        <v>13493</v>
      </c>
      <c r="CC9" s="662">
        <v>0.27760000000000001</v>
      </c>
      <c r="CD9" s="662">
        <v>0.1174</v>
      </c>
      <c r="CE9" s="664">
        <v>0.1055</v>
      </c>
      <c r="CF9" s="665">
        <v>0.50049999999999994</v>
      </c>
      <c r="CG9" s="33">
        <v>3</v>
      </c>
      <c r="CH9" s="65" t="s">
        <v>3</v>
      </c>
      <c r="CI9" s="77">
        <v>72358146</v>
      </c>
      <c r="CJ9" s="77">
        <v>22774000</v>
      </c>
      <c r="CK9" s="77">
        <v>8212904</v>
      </c>
      <c r="CL9" s="673">
        <v>103345050</v>
      </c>
      <c r="CM9" s="673">
        <v>28200</v>
      </c>
      <c r="CN9" s="673">
        <v>54456174</v>
      </c>
      <c r="CO9" s="674">
        <v>157801224</v>
      </c>
    </row>
    <row r="10" spans="1:93" s="26" customFormat="1" ht="15" customHeight="1" x14ac:dyDescent="0.15">
      <c r="A10" s="33">
        <v>4</v>
      </c>
      <c r="B10" s="65" t="s">
        <v>4</v>
      </c>
      <c r="C10" s="77">
        <v>36785</v>
      </c>
      <c r="D10" s="73"/>
      <c r="E10" s="669">
        <v>8871</v>
      </c>
      <c r="F10" s="73"/>
      <c r="G10" s="72">
        <v>4780</v>
      </c>
      <c r="H10" s="70"/>
      <c r="I10" s="316">
        <v>4579</v>
      </c>
      <c r="J10" s="77">
        <v>18230</v>
      </c>
      <c r="K10" s="77">
        <v>56993</v>
      </c>
      <c r="L10" s="73"/>
      <c r="M10" s="670">
        <v>11475</v>
      </c>
      <c r="N10" s="320"/>
      <c r="O10" s="671">
        <v>8380</v>
      </c>
      <c r="P10" s="321"/>
      <c r="Q10" s="316">
        <v>8099</v>
      </c>
      <c r="R10" s="318">
        <v>27954</v>
      </c>
      <c r="S10" s="662">
        <v>0.2412</v>
      </c>
      <c r="T10" s="663">
        <v>0.12989999999999999</v>
      </c>
      <c r="U10" s="664">
        <v>0.1245</v>
      </c>
      <c r="V10" s="665">
        <v>0.49559999999999998</v>
      </c>
      <c r="W10" s="33">
        <v>4</v>
      </c>
      <c r="X10" s="65" t="s">
        <v>4</v>
      </c>
      <c r="Y10" s="672">
        <v>309483237</v>
      </c>
      <c r="Z10" s="672">
        <v>145035450</v>
      </c>
      <c r="AA10" s="672">
        <v>55649412</v>
      </c>
      <c r="AB10" s="319">
        <v>510168099</v>
      </c>
      <c r="AC10" s="673">
        <v>76156</v>
      </c>
      <c r="AD10" s="673">
        <v>300612102</v>
      </c>
      <c r="AE10" s="674">
        <v>810780201</v>
      </c>
      <c r="AF10" s="33">
        <v>4</v>
      </c>
      <c r="AG10" s="65" t="s">
        <v>4</v>
      </c>
      <c r="AH10" s="316">
        <v>36785</v>
      </c>
      <c r="AI10" s="320"/>
      <c r="AJ10" s="669">
        <v>8871</v>
      </c>
      <c r="AK10" s="73"/>
      <c r="AL10" s="72">
        <v>4780</v>
      </c>
      <c r="AM10" s="70"/>
      <c r="AN10" s="316">
        <v>4579</v>
      </c>
      <c r="AO10" s="77">
        <v>18230</v>
      </c>
      <c r="AP10" s="219">
        <v>56993</v>
      </c>
      <c r="AQ10" s="73"/>
      <c r="AR10" s="670">
        <v>12505</v>
      </c>
      <c r="AS10" s="320"/>
      <c r="AT10" s="671">
        <v>8385</v>
      </c>
      <c r="AU10" s="321"/>
      <c r="AV10" s="316">
        <v>8292</v>
      </c>
      <c r="AW10" s="318">
        <v>29182</v>
      </c>
      <c r="AX10" s="662">
        <v>0.2412</v>
      </c>
      <c r="AY10" s="662">
        <v>0.12989999999999999</v>
      </c>
      <c r="AZ10" s="664">
        <v>0.1245</v>
      </c>
      <c r="BA10" s="665">
        <v>0.49559999999999998</v>
      </c>
      <c r="BB10" s="33">
        <v>4</v>
      </c>
      <c r="BC10" s="65" t="s">
        <v>4</v>
      </c>
      <c r="BD10" s="77">
        <v>116609324</v>
      </c>
      <c r="BE10" s="77">
        <v>54643572</v>
      </c>
      <c r="BF10" s="77">
        <v>20966286</v>
      </c>
      <c r="BG10" s="673">
        <v>192219182</v>
      </c>
      <c r="BH10" s="673">
        <v>28460</v>
      </c>
      <c r="BI10" s="673">
        <v>112340727</v>
      </c>
      <c r="BJ10" s="674">
        <v>304559909</v>
      </c>
      <c r="BK10" s="33">
        <v>4</v>
      </c>
      <c r="BL10" s="65" t="s">
        <v>4</v>
      </c>
      <c r="BM10" s="316">
        <v>15243</v>
      </c>
      <c r="BN10" s="320"/>
      <c r="BO10" s="669">
        <v>3664</v>
      </c>
      <c r="BP10" s="73"/>
      <c r="BQ10" s="72">
        <v>1801</v>
      </c>
      <c r="BR10" s="70"/>
      <c r="BS10" s="316">
        <v>1519</v>
      </c>
      <c r="BT10" s="77">
        <v>6984</v>
      </c>
      <c r="BU10" s="219">
        <v>17820</v>
      </c>
      <c r="BV10" s="73"/>
      <c r="BW10" s="670">
        <v>3976</v>
      </c>
      <c r="BX10" s="320"/>
      <c r="BY10" s="671">
        <v>2160</v>
      </c>
      <c r="BZ10" s="321"/>
      <c r="CA10" s="316">
        <v>1808</v>
      </c>
      <c r="CB10" s="318">
        <v>7944</v>
      </c>
      <c r="CC10" s="662">
        <v>0.2404</v>
      </c>
      <c r="CD10" s="662">
        <v>0.1182</v>
      </c>
      <c r="CE10" s="664">
        <v>9.9699999999999997E-2</v>
      </c>
      <c r="CF10" s="665">
        <v>0.4582</v>
      </c>
      <c r="CG10" s="33">
        <v>4</v>
      </c>
      <c r="CH10" s="65" t="s">
        <v>4</v>
      </c>
      <c r="CI10" s="77">
        <v>49737296</v>
      </c>
      <c r="CJ10" s="77">
        <v>18721255</v>
      </c>
      <c r="CK10" s="77">
        <v>6282202</v>
      </c>
      <c r="CL10" s="673">
        <v>74740753</v>
      </c>
      <c r="CM10" s="673">
        <v>34998</v>
      </c>
      <c r="CN10" s="673">
        <v>39682132</v>
      </c>
      <c r="CO10" s="674">
        <v>114422885</v>
      </c>
    </row>
    <row r="11" spans="1:93" s="26" customFormat="1" ht="15" customHeight="1" x14ac:dyDescent="0.15">
      <c r="A11" s="33">
        <v>5</v>
      </c>
      <c r="B11" s="65" t="s">
        <v>5</v>
      </c>
      <c r="C11" s="77">
        <v>24628</v>
      </c>
      <c r="D11" s="73"/>
      <c r="E11" s="671">
        <v>5741</v>
      </c>
      <c r="F11" s="73"/>
      <c r="G11" s="72">
        <v>2469</v>
      </c>
      <c r="H11" s="70"/>
      <c r="I11" s="316">
        <v>2537</v>
      </c>
      <c r="J11" s="77">
        <v>10747</v>
      </c>
      <c r="K11" s="77">
        <v>36904</v>
      </c>
      <c r="L11" s="73"/>
      <c r="M11" s="670">
        <v>7329</v>
      </c>
      <c r="N11" s="320"/>
      <c r="O11" s="671">
        <v>4193</v>
      </c>
      <c r="P11" s="321"/>
      <c r="Q11" s="316">
        <v>4332</v>
      </c>
      <c r="R11" s="318">
        <v>15854</v>
      </c>
      <c r="S11" s="662">
        <v>0.2331</v>
      </c>
      <c r="T11" s="663">
        <v>0.1003</v>
      </c>
      <c r="U11" s="664">
        <v>0.10299999999999999</v>
      </c>
      <c r="V11" s="665">
        <v>0.43640000000000001</v>
      </c>
      <c r="W11" s="33">
        <v>5</v>
      </c>
      <c r="X11" s="65" t="s">
        <v>5</v>
      </c>
      <c r="Y11" s="672">
        <v>174469995</v>
      </c>
      <c r="Z11" s="672">
        <v>64660275</v>
      </c>
      <c r="AA11" s="672">
        <v>26467560</v>
      </c>
      <c r="AB11" s="319">
        <v>265597830</v>
      </c>
      <c r="AC11" s="673">
        <v>79800</v>
      </c>
      <c r="AD11" s="673">
        <v>179512494</v>
      </c>
      <c r="AE11" s="674">
        <v>445110324</v>
      </c>
      <c r="AF11" s="33">
        <v>5</v>
      </c>
      <c r="AG11" s="65" t="s">
        <v>5</v>
      </c>
      <c r="AH11" s="316">
        <v>24628</v>
      </c>
      <c r="AI11" s="320"/>
      <c r="AJ11" s="671">
        <v>5741</v>
      </c>
      <c r="AK11" s="73"/>
      <c r="AL11" s="72">
        <v>2469</v>
      </c>
      <c r="AM11" s="70"/>
      <c r="AN11" s="316">
        <v>2537</v>
      </c>
      <c r="AO11" s="77">
        <v>10747</v>
      </c>
      <c r="AP11" s="219">
        <v>36904</v>
      </c>
      <c r="AQ11" s="73"/>
      <c r="AR11" s="670">
        <v>7468</v>
      </c>
      <c r="AS11" s="320"/>
      <c r="AT11" s="671">
        <v>4245</v>
      </c>
      <c r="AU11" s="321"/>
      <c r="AV11" s="316">
        <v>4446</v>
      </c>
      <c r="AW11" s="318">
        <v>16159</v>
      </c>
      <c r="AX11" s="662">
        <v>0.2331</v>
      </c>
      <c r="AY11" s="662">
        <v>0.1003</v>
      </c>
      <c r="AZ11" s="664">
        <v>0.10299999999999999</v>
      </c>
      <c r="BA11" s="665">
        <v>0.43640000000000001</v>
      </c>
      <c r="BB11" s="33">
        <v>5</v>
      </c>
      <c r="BC11" s="65" t="s">
        <v>5</v>
      </c>
      <c r="BD11" s="77">
        <v>63884730</v>
      </c>
      <c r="BE11" s="77">
        <v>23728125</v>
      </c>
      <c r="BF11" s="77">
        <v>9714888</v>
      </c>
      <c r="BG11" s="673">
        <v>97327743</v>
      </c>
      <c r="BH11" s="673">
        <v>30017</v>
      </c>
      <c r="BI11" s="673">
        <v>67524142</v>
      </c>
      <c r="BJ11" s="674">
        <v>164851885</v>
      </c>
      <c r="BK11" s="33">
        <v>5</v>
      </c>
      <c r="BL11" s="65" t="s">
        <v>5</v>
      </c>
      <c r="BM11" s="316">
        <v>11320</v>
      </c>
      <c r="BN11" s="320"/>
      <c r="BO11" s="671">
        <v>2777</v>
      </c>
      <c r="BP11" s="73"/>
      <c r="BQ11" s="72">
        <v>1077</v>
      </c>
      <c r="BR11" s="70"/>
      <c r="BS11" s="316">
        <v>984</v>
      </c>
      <c r="BT11" s="77">
        <v>4838</v>
      </c>
      <c r="BU11" s="219">
        <v>13236</v>
      </c>
      <c r="BV11" s="73"/>
      <c r="BW11" s="670">
        <v>3041</v>
      </c>
      <c r="BX11" s="320"/>
      <c r="BY11" s="671">
        <v>1314</v>
      </c>
      <c r="BZ11" s="321"/>
      <c r="CA11" s="316">
        <v>1190</v>
      </c>
      <c r="CB11" s="318">
        <v>5545</v>
      </c>
      <c r="CC11" s="662">
        <v>0.24529999999999999</v>
      </c>
      <c r="CD11" s="662">
        <v>9.5100000000000004E-2</v>
      </c>
      <c r="CE11" s="664">
        <v>8.6900000000000005E-2</v>
      </c>
      <c r="CF11" s="665">
        <v>0.4274</v>
      </c>
      <c r="CG11" s="33">
        <v>5</v>
      </c>
      <c r="CH11" s="65" t="s">
        <v>5</v>
      </c>
      <c r="CI11" s="77">
        <v>26581401</v>
      </c>
      <c r="CJ11" s="77">
        <v>7933005</v>
      </c>
      <c r="CK11" s="77">
        <v>2881368</v>
      </c>
      <c r="CL11" s="673">
        <v>37395774</v>
      </c>
      <c r="CM11" s="673">
        <v>31547</v>
      </c>
      <c r="CN11" s="673">
        <v>25073871</v>
      </c>
      <c r="CO11" s="674">
        <v>62469645</v>
      </c>
    </row>
    <row r="12" spans="1:93" s="26" customFormat="1" ht="15" customHeight="1" x14ac:dyDescent="0.15">
      <c r="A12" s="33">
        <v>6</v>
      </c>
      <c r="B12" s="65" t="s">
        <v>6</v>
      </c>
      <c r="C12" s="77">
        <v>54989</v>
      </c>
      <c r="D12" s="73"/>
      <c r="E12" s="669">
        <v>13491</v>
      </c>
      <c r="F12" s="73"/>
      <c r="G12" s="72">
        <v>6132</v>
      </c>
      <c r="H12" s="70"/>
      <c r="I12" s="316">
        <v>6288</v>
      </c>
      <c r="J12" s="77">
        <v>25911</v>
      </c>
      <c r="K12" s="77">
        <v>83996</v>
      </c>
      <c r="L12" s="73"/>
      <c r="M12" s="670">
        <v>17057</v>
      </c>
      <c r="N12" s="320"/>
      <c r="O12" s="671">
        <v>10767</v>
      </c>
      <c r="P12" s="321"/>
      <c r="Q12" s="316">
        <v>11058</v>
      </c>
      <c r="R12" s="318">
        <v>38882</v>
      </c>
      <c r="S12" s="662">
        <v>0.24529999999999999</v>
      </c>
      <c r="T12" s="663">
        <v>0.1115</v>
      </c>
      <c r="U12" s="664">
        <v>0.1144</v>
      </c>
      <c r="V12" s="665">
        <v>0.47120000000000001</v>
      </c>
      <c r="W12" s="33">
        <v>6</v>
      </c>
      <c r="X12" s="65" t="s">
        <v>6</v>
      </c>
      <c r="Y12" s="672">
        <v>433997970</v>
      </c>
      <c r="Z12" s="672">
        <v>174362430</v>
      </c>
      <c r="AA12" s="672">
        <v>70872576</v>
      </c>
      <c r="AB12" s="319">
        <v>679232976</v>
      </c>
      <c r="AC12" s="673">
        <v>75794</v>
      </c>
      <c r="AD12" s="673">
        <v>417130006</v>
      </c>
      <c r="AE12" s="674">
        <v>1096362982</v>
      </c>
      <c r="AF12" s="33">
        <v>6</v>
      </c>
      <c r="AG12" s="65" t="s">
        <v>6</v>
      </c>
      <c r="AH12" s="316">
        <v>54989</v>
      </c>
      <c r="AI12" s="320"/>
      <c r="AJ12" s="669">
        <v>13491</v>
      </c>
      <c r="AK12" s="73"/>
      <c r="AL12" s="72">
        <v>6132</v>
      </c>
      <c r="AM12" s="70"/>
      <c r="AN12" s="316">
        <v>6288</v>
      </c>
      <c r="AO12" s="77">
        <v>25911</v>
      </c>
      <c r="AP12" s="219">
        <v>83996</v>
      </c>
      <c r="AQ12" s="73"/>
      <c r="AR12" s="670">
        <v>17601</v>
      </c>
      <c r="AS12" s="320"/>
      <c r="AT12" s="671">
        <v>10654</v>
      </c>
      <c r="AU12" s="321"/>
      <c r="AV12" s="316">
        <v>11439</v>
      </c>
      <c r="AW12" s="318">
        <v>39694</v>
      </c>
      <c r="AX12" s="662">
        <v>0.24529999999999999</v>
      </c>
      <c r="AY12" s="662">
        <v>0.1115</v>
      </c>
      <c r="AZ12" s="664">
        <v>0.1144</v>
      </c>
      <c r="BA12" s="665">
        <v>0.47120000000000001</v>
      </c>
      <c r="BB12" s="33">
        <v>6</v>
      </c>
      <c r="BC12" s="65" t="s">
        <v>6</v>
      </c>
      <c r="BD12" s="77">
        <v>180620790</v>
      </c>
      <c r="BE12" s="77">
        <v>72568530</v>
      </c>
      <c r="BF12" s="77">
        <v>29496816</v>
      </c>
      <c r="BG12" s="673">
        <v>282686136</v>
      </c>
      <c r="BH12" s="673">
        <v>31194</v>
      </c>
      <c r="BI12" s="673">
        <v>171675244</v>
      </c>
      <c r="BJ12" s="674">
        <v>454361380</v>
      </c>
      <c r="BK12" s="33">
        <v>6</v>
      </c>
      <c r="BL12" s="65" t="s">
        <v>6</v>
      </c>
      <c r="BM12" s="316">
        <v>24026</v>
      </c>
      <c r="BN12" s="320"/>
      <c r="BO12" s="669">
        <v>5968</v>
      </c>
      <c r="BP12" s="73"/>
      <c r="BQ12" s="72">
        <v>2513</v>
      </c>
      <c r="BR12" s="70"/>
      <c r="BS12" s="316">
        <v>2273</v>
      </c>
      <c r="BT12" s="77">
        <v>10754</v>
      </c>
      <c r="BU12" s="219">
        <v>28155</v>
      </c>
      <c r="BV12" s="73"/>
      <c r="BW12" s="670">
        <v>6459</v>
      </c>
      <c r="BX12" s="320"/>
      <c r="BY12" s="671">
        <v>3016</v>
      </c>
      <c r="BZ12" s="321"/>
      <c r="CA12" s="316">
        <v>2762</v>
      </c>
      <c r="CB12" s="318">
        <v>12237</v>
      </c>
      <c r="CC12" s="662">
        <v>0.24840000000000001</v>
      </c>
      <c r="CD12" s="662">
        <v>0.1046</v>
      </c>
      <c r="CE12" s="664">
        <v>9.4600000000000004E-2</v>
      </c>
      <c r="CF12" s="665">
        <v>0.4476</v>
      </c>
      <c r="CG12" s="33">
        <v>6</v>
      </c>
      <c r="CH12" s="65" t="s">
        <v>6</v>
      </c>
      <c r="CI12" s="77">
        <v>67714920</v>
      </c>
      <c r="CJ12" s="77">
        <v>21895320</v>
      </c>
      <c r="CK12" s="77">
        <v>7991952</v>
      </c>
      <c r="CL12" s="673">
        <v>97602192</v>
      </c>
      <c r="CM12" s="673">
        <v>32536</v>
      </c>
      <c r="CN12" s="673">
        <v>56942881</v>
      </c>
      <c r="CO12" s="674">
        <v>154545073</v>
      </c>
    </row>
    <row r="13" spans="1:93" s="26" customFormat="1" ht="15" customHeight="1" x14ac:dyDescent="0.15">
      <c r="A13" s="33">
        <v>7</v>
      </c>
      <c r="B13" s="65" t="s">
        <v>7</v>
      </c>
      <c r="C13" s="77">
        <v>26887</v>
      </c>
      <c r="D13" s="73"/>
      <c r="E13" s="671">
        <v>6864</v>
      </c>
      <c r="F13" s="73"/>
      <c r="G13" s="72">
        <v>3426</v>
      </c>
      <c r="H13" s="70"/>
      <c r="I13" s="316">
        <v>3253</v>
      </c>
      <c r="J13" s="77">
        <v>13543</v>
      </c>
      <c r="K13" s="77">
        <v>41144</v>
      </c>
      <c r="L13" s="73"/>
      <c r="M13" s="670">
        <v>8707</v>
      </c>
      <c r="N13" s="320"/>
      <c r="O13" s="671">
        <v>5845</v>
      </c>
      <c r="P13" s="321"/>
      <c r="Q13" s="316">
        <v>5640</v>
      </c>
      <c r="R13" s="318">
        <v>20192</v>
      </c>
      <c r="S13" s="662">
        <v>0.25530000000000003</v>
      </c>
      <c r="T13" s="663">
        <v>0.12740000000000001</v>
      </c>
      <c r="U13" s="664">
        <v>0.121</v>
      </c>
      <c r="V13" s="665">
        <v>0.50370000000000004</v>
      </c>
      <c r="W13" s="33">
        <v>7</v>
      </c>
      <c r="X13" s="65" t="s">
        <v>7</v>
      </c>
      <c r="Y13" s="672">
        <v>232915631</v>
      </c>
      <c r="Z13" s="672">
        <v>98943982</v>
      </c>
      <c r="AA13" s="672">
        <v>37953404</v>
      </c>
      <c r="AB13" s="319">
        <v>369813017</v>
      </c>
      <c r="AC13" s="673">
        <v>78485</v>
      </c>
      <c r="AD13" s="673">
        <v>224274812</v>
      </c>
      <c r="AE13" s="674">
        <v>594087829</v>
      </c>
      <c r="AF13" s="33">
        <v>7</v>
      </c>
      <c r="AG13" s="65" t="s">
        <v>7</v>
      </c>
      <c r="AH13" s="316">
        <v>26887</v>
      </c>
      <c r="AI13" s="320"/>
      <c r="AJ13" s="671">
        <v>6864</v>
      </c>
      <c r="AK13" s="73"/>
      <c r="AL13" s="72">
        <v>3426</v>
      </c>
      <c r="AM13" s="70"/>
      <c r="AN13" s="316">
        <v>3253</v>
      </c>
      <c r="AO13" s="77">
        <v>13543</v>
      </c>
      <c r="AP13" s="219">
        <v>41144</v>
      </c>
      <c r="AQ13" s="73"/>
      <c r="AR13" s="670">
        <v>8693</v>
      </c>
      <c r="AS13" s="320"/>
      <c r="AT13" s="671">
        <v>6071</v>
      </c>
      <c r="AU13" s="321"/>
      <c r="AV13" s="316">
        <v>5706</v>
      </c>
      <c r="AW13" s="318">
        <v>20470</v>
      </c>
      <c r="AX13" s="662">
        <v>0.25530000000000003</v>
      </c>
      <c r="AY13" s="662">
        <v>0.12740000000000001</v>
      </c>
      <c r="AZ13" s="664">
        <v>0.121</v>
      </c>
      <c r="BA13" s="665">
        <v>0.50370000000000004</v>
      </c>
      <c r="BB13" s="33">
        <v>7</v>
      </c>
      <c r="BC13" s="65" t="s">
        <v>7</v>
      </c>
      <c r="BD13" s="77">
        <v>85711852</v>
      </c>
      <c r="BE13" s="77">
        <v>36521251</v>
      </c>
      <c r="BF13" s="77">
        <v>14014184</v>
      </c>
      <c r="BG13" s="673">
        <v>136247287</v>
      </c>
      <c r="BH13" s="673">
        <v>29636</v>
      </c>
      <c r="BI13" s="673">
        <v>84686352</v>
      </c>
      <c r="BJ13" s="674">
        <v>220933639</v>
      </c>
      <c r="BK13" s="33">
        <v>7</v>
      </c>
      <c r="BL13" s="65" t="s">
        <v>7</v>
      </c>
      <c r="BM13" s="316">
        <v>11232</v>
      </c>
      <c r="BN13" s="320"/>
      <c r="BO13" s="671">
        <v>2792</v>
      </c>
      <c r="BP13" s="73"/>
      <c r="BQ13" s="72">
        <v>1201</v>
      </c>
      <c r="BR13" s="70"/>
      <c r="BS13" s="316">
        <v>1129</v>
      </c>
      <c r="BT13" s="77">
        <v>5122</v>
      </c>
      <c r="BU13" s="219">
        <v>13143</v>
      </c>
      <c r="BV13" s="73"/>
      <c r="BW13" s="670">
        <v>3026</v>
      </c>
      <c r="BX13" s="320"/>
      <c r="BY13" s="671">
        <v>1450</v>
      </c>
      <c r="BZ13" s="321"/>
      <c r="CA13" s="316">
        <v>1358</v>
      </c>
      <c r="CB13" s="318">
        <v>5834</v>
      </c>
      <c r="CC13" s="662">
        <v>0.24859999999999999</v>
      </c>
      <c r="CD13" s="662">
        <v>0.1069</v>
      </c>
      <c r="CE13" s="664">
        <v>0.10050000000000001</v>
      </c>
      <c r="CF13" s="665">
        <v>0.45600000000000002</v>
      </c>
      <c r="CG13" s="33">
        <v>7</v>
      </c>
      <c r="CH13" s="65" t="s">
        <v>7</v>
      </c>
      <c r="CI13" s="77">
        <v>32422012</v>
      </c>
      <c r="CJ13" s="77">
        <v>10693442</v>
      </c>
      <c r="CK13" s="77">
        <v>4012241</v>
      </c>
      <c r="CL13" s="673">
        <v>47127695</v>
      </c>
      <c r="CM13" s="673">
        <v>34071</v>
      </c>
      <c r="CN13" s="673">
        <v>28396134</v>
      </c>
      <c r="CO13" s="674">
        <v>75523829</v>
      </c>
    </row>
    <row r="14" spans="1:93" s="26" customFormat="1" ht="15" customHeight="1" x14ac:dyDescent="0.15">
      <c r="A14" s="33">
        <v>8</v>
      </c>
      <c r="B14" s="65" t="s">
        <v>8</v>
      </c>
      <c r="C14" s="77">
        <v>32131</v>
      </c>
      <c r="D14" s="73"/>
      <c r="E14" s="669">
        <v>7730</v>
      </c>
      <c r="F14" s="73"/>
      <c r="G14" s="72">
        <v>3775</v>
      </c>
      <c r="H14" s="70"/>
      <c r="I14" s="316">
        <v>3918</v>
      </c>
      <c r="J14" s="77">
        <v>15423</v>
      </c>
      <c r="K14" s="77">
        <v>50112</v>
      </c>
      <c r="L14" s="73"/>
      <c r="M14" s="670">
        <v>9920</v>
      </c>
      <c r="N14" s="320"/>
      <c r="O14" s="671">
        <v>6688</v>
      </c>
      <c r="P14" s="321"/>
      <c r="Q14" s="316">
        <v>6887</v>
      </c>
      <c r="R14" s="318">
        <v>23495</v>
      </c>
      <c r="S14" s="662">
        <v>0.24060000000000001</v>
      </c>
      <c r="T14" s="663">
        <v>0.11749999999999999</v>
      </c>
      <c r="U14" s="664">
        <v>0.12189999999999999</v>
      </c>
      <c r="V14" s="665">
        <v>0.48</v>
      </c>
      <c r="W14" s="33">
        <v>8</v>
      </c>
      <c r="X14" s="65" t="s">
        <v>8</v>
      </c>
      <c r="Y14" s="672">
        <v>259468251</v>
      </c>
      <c r="Z14" s="672">
        <v>105478268</v>
      </c>
      <c r="AA14" s="672">
        <v>42993130</v>
      </c>
      <c r="AB14" s="319">
        <v>407939649</v>
      </c>
      <c r="AC14" s="673">
        <v>77232</v>
      </c>
      <c r="AD14" s="673">
        <v>256381664</v>
      </c>
      <c r="AE14" s="674">
        <v>664321313</v>
      </c>
      <c r="AF14" s="33">
        <v>8</v>
      </c>
      <c r="AG14" s="65" t="s">
        <v>8</v>
      </c>
      <c r="AH14" s="316">
        <v>32131</v>
      </c>
      <c r="AI14" s="320"/>
      <c r="AJ14" s="669">
        <v>7730</v>
      </c>
      <c r="AK14" s="73"/>
      <c r="AL14" s="72">
        <v>3775</v>
      </c>
      <c r="AM14" s="70"/>
      <c r="AN14" s="316">
        <v>3918</v>
      </c>
      <c r="AO14" s="77">
        <v>15423</v>
      </c>
      <c r="AP14" s="219">
        <v>50112</v>
      </c>
      <c r="AQ14" s="73"/>
      <c r="AR14" s="670">
        <v>9807</v>
      </c>
      <c r="AS14" s="320"/>
      <c r="AT14" s="671">
        <v>6540</v>
      </c>
      <c r="AU14" s="321"/>
      <c r="AV14" s="316">
        <v>7106</v>
      </c>
      <c r="AW14" s="318">
        <v>23453</v>
      </c>
      <c r="AX14" s="662">
        <v>0.24060000000000001</v>
      </c>
      <c r="AY14" s="662">
        <v>0.11749999999999999</v>
      </c>
      <c r="AZ14" s="664">
        <v>0.12189999999999999</v>
      </c>
      <c r="BA14" s="665">
        <v>0.48</v>
      </c>
      <c r="BB14" s="33">
        <v>8</v>
      </c>
      <c r="BC14" s="65" t="s">
        <v>8</v>
      </c>
      <c r="BD14" s="77">
        <v>108125535</v>
      </c>
      <c r="BE14" s="77">
        <v>43962525</v>
      </c>
      <c r="BF14" s="77">
        <v>17919420</v>
      </c>
      <c r="BG14" s="673">
        <v>170007480</v>
      </c>
      <c r="BH14" s="673">
        <v>32004</v>
      </c>
      <c r="BI14" s="673">
        <v>106241438</v>
      </c>
      <c r="BJ14" s="674">
        <v>276248918</v>
      </c>
      <c r="BK14" s="33">
        <v>8</v>
      </c>
      <c r="BL14" s="65" t="s">
        <v>8</v>
      </c>
      <c r="BM14" s="316">
        <v>13923</v>
      </c>
      <c r="BN14" s="320"/>
      <c r="BO14" s="669">
        <v>3476</v>
      </c>
      <c r="BP14" s="73"/>
      <c r="BQ14" s="72">
        <v>1534</v>
      </c>
      <c r="BR14" s="70"/>
      <c r="BS14" s="316">
        <v>1366</v>
      </c>
      <c r="BT14" s="77">
        <v>6376</v>
      </c>
      <c r="BU14" s="219">
        <v>16452</v>
      </c>
      <c r="BV14" s="73"/>
      <c r="BW14" s="670">
        <v>3792</v>
      </c>
      <c r="BX14" s="320"/>
      <c r="BY14" s="671">
        <v>1862</v>
      </c>
      <c r="BZ14" s="321"/>
      <c r="CA14" s="316">
        <v>1658</v>
      </c>
      <c r="CB14" s="318">
        <v>7312</v>
      </c>
      <c r="CC14" s="662">
        <v>0.24970000000000001</v>
      </c>
      <c r="CD14" s="662">
        <v>0.11020000000000001</v>
      </c>
      <c r="CE14" s="664">
        <v>9.8100000000000007E-2</v>
      </c>
      <c r="CF14" s="665">
        <v>0.45789999999999997</v>
      </c>
      <c r="CG14" s="33">
        <v>8</v>
      </c>
      <c r="CH14" s="65" t="s">
        <v>8</v>
      </c>
      <c r="CI14" s="77">
        <v>39727520</v>
      </c>
      <c r="CJ14" s="77">
        <v>13277200</v>
      </c>
      <c r="CK14" s="77">
        <v>4729120</v>
      </c>
      <c r="CL14" s="673">
        <v>57733840</v>
      </c>
      <c r="CM14" s="673">
        <v>33788</v>
      </c>
      <c r="CN14" s="673">
        <v>35309136</v>
      </c>
      <c r="CO14" s="674">
        <v>93042976</v>
      </c>
    </row>
    <row r="15" spans="1:93" s="26" customFormat="1" ht="15" customHeight="1" x14ac:dyDescent="0.15">
      <c r="A15" s="33">
        <v>9</v>
      </c>
      <c r="B15" s="65" t="s">
        <v>9</v>
      </c>
      <c r="C15" s="77">
        <v>8525</v>
      </c>
      <c r="D15" s="73"/>
      <c r="E15" s="671">
        <v>2115</v>
      </c>
      <c r="F15" s="73"/>
      <c r="G15" s="72">
        <v>884</v>
      </c>
      <c r="H15" s="70"/>
      <c r="I15" s="316">
        <v>868</v>
      </c>
      <c r="J15" s="77">
        <v>3867</v>
      </c>
      <c r="K15" s="77">
        <v>12925</v>
      </c>
      <c r="L15" s="73"/>
      <c r="M15" s="670">
        <v>2853</v>
      </c>
      <c r="N15" s="320"/>
      <c r="O15" s="671">
        <v>1479</v>
      </c>
      <c r="P15" s="321"/>
      <c r="Q15" s="316">
        <v>1432</v>
      </c>
      <c r="R15" s="318">
        <v>5764</v>
      </c>
      <c r="S15" s="662">
        <v>0.24809999999999999</v>
      </c>
      <c r="T15" s="663">
        <v>0.1037</v>
      </c>
      <c r="U15" s="664">
        <v>0.1018</v>
      </c>
      <c r="V15" s="665">
        <v>0.4536</v>
      </c>
      <c r="W15" s="33">
        <v>9</v>
      </c>
      <c r="X15" s="65" t="s">
        <v>9</v>
      </c>
      <c r="Y15" s="672">
        <v>64067710</v>
      </c>
      <c r="Z15" s="672">
        <v>21700850</v>
      </c>
      <c r="AA15" s="672">
        <v>8325640</v>
      </c>
      <c r="AB15" s="319">
        <v>94094200</v>
      </c>
      <c r="AC15" s="673">
        <v>80094</v>
      </c>
      <c r="AD15" s="673">
        <v>65770790</v>
      </c>
      <c r="AE15" s="674">
        <v>159864990</v>
      </c>
      <c r="AF15" s="33">
        <v>9</v>
      </c>
      <c r="AG15" s="65" t="s">
        <v>9</v>
      </c>
      <c r="AH15" s="316">
        <v>8525</v>
      </c>
      <c r="AI15" s="320"/>
      <c r="AJ15" s="671">
        <v>2115</v>
      </c>
      <c r="AK15" s="73"/>
      <c r="AL15" s="72">
        <v>884</v>
      </c>
      <c r="AM15" s="70"/>
      <c r="AN15" s="316">
        <v>868</v>
      </c>
      <c r="AO15" s="77">
        <v>3867</v>
      </c>
      <c r="AP15" s="219">
        <v>12925</v>
      </c>
      <c r="AQ15" s="73"/>
      <c r="AR15" s="670">
        <v>2977</v>
      </c>
      <c r="AS15" s="320"/>
      <c r="AT15" s="671">
        <v>1435</v>
      </c>
      <c r="AU15" s="321"/>
      <c r="AV15" s="316">
        <v>1554</v>
      </c>
      <c r="AW15" s="318">
        <v>5966</v>
      </c>
      <c r="AX15" s="662">
        <v>0.24809999999999999</v>
      </c>
      <c r="AY15" s="662">
        <v>0.1037</v>
      </c>
      <c r="AZ15" s="664">
        <v>0.1018</v>
      </c>
      <c r="BA15" s="665">
        <v>0.4536</v>
      </c>
      <c r="BB15" s="33">
        <v>9</v>
      </c>
      <c r="BC15" s="65" t="s">
        <v>9</v>
      </c>
      <c r="BD15" s="77">
        <v>28190610</v>
      </c>
      <c r="BE15" s="77">
        <v>9550650</v>
      </c>
      <c r="BF15" s="77">
        <v>3664240</v>
      </c>
      <c r="BG15" s="673">
        <v>41405500</v>
      </c>
      <c r="BH15" s="673">
        <v>35452</v>
      </c>
      <c r="BI15" s="673">
        <v>29112118</v>
      </c>
      <c r="BJ15" s="674">
        <v>70517618</v>
      </c>
      <c r="BK15" s="33">
        <v>9</v>
      </c>
      <c r="BL15" s="65" t="s">
        <v>9</v>
      </c>
      <c r="BM15" s="316">
        <v>3845</v>
      </c>
      <c r="BN15" s="320"/>
      <c r="BO15" s="671">
        <v>998</v>
      </c>
      <c r="BP15" s="73"/>
      <c r="BQ15" s="72">
        <v>379</v>
      </c>
      <c r="BR15" s="70"/>
      <c r="BS15" s="316">
        <v>291</v>
      </c>
      <c r="BT15" s="77">
        <v>1668</v>
      </c>
      <c r="BU15" s="219">
        <v>4469</v>
      </c>
      <c r="BV15" s="73"/>
      <c r="BW15" s="670">
        <v>1064</v>
      </c>
      <c r="BX15" s="320"/>
      <c r="BY15" s="671">
        <v>456</v>
      </c>
      <c r="BZ15" s="321"/>
      <c r="CA15" s="316">
        <v>343</v>
      </c>
      <c r="CB15" s="318">
        <v>1863</v>
      </c>
      <c r="CC15" s="662">
        <v>0.2596</v>
      </c>
      <c r="CD15" s="662">
        <v>9.8599999999999993E-2</v>
      </c>
      <c r="CE15" s="664">
        <v>7.5700000000000003E-2</v>
      </c>
      <c r="CF15" s="665">
        <v>0.43380000000000002</v>
      </c>
      <c r="CG15" s="33">
        <v>9</v>
      </c>
      <c r="CH15" s="65" t="s">
        <v>9</v>
      </c>
      <c r="CI15" s="77">
        <v>8953140</v>
      </c>
      <c r="CJ15" s="77">
        <v>2631150</v>
      </c>
      <c r="CK15" s="77">
        <v>796980</v>
      </c>
      <c r="CL15" s="673">
        <v>12381270</v>
      </c>
      <c r="CM15" s="673">
        <v>33526</v>
      </c>
      <c r="CN15" s="673">
        <v>8985974</v>
      </c>
      <c r="CO15" s="674">
        <v>21367244</v>
      </c>
    </row>
    <row r="16" spans="1:93" s="26" customFormat="1" ht="15" customHeight="1" x14ac:dyDescent="0.15">
      <c r="A16" s="33">
        <v>10</v>
      </c>
      <c r="B16" s="65" t="s">
        <v>10</v>
      </c>
      <c r="C16" s="77">
        <v>101826</v>
      </c>
      <c r="D16" s="70"/>
      <c r="E16" s="669">
        <v>25035</v>
      </c>
      <c r="F16" s="70"/>
      <c r="G16" s="72">
        <v>11432</v>
      </c>
      <c r="H16" s="70"/>
      <c r="I16" s="316">
        <v>11707</v>
      </c>
      <c r="J16" s="77">
        <v>48174</v>
      </c>
      <c r="K16" s="77">
        <v>153189</v>
      </c>
      <c r="L16" s="222"/>
      <c r="M16" s="670">
        <v>31300</v>
      </c>
      <c r="N16" s="222"/>
      <c r="O16" s="671">
        <v>19278</v>
      </c>
      <c r="P16" s="222"/>
      <c r="Q16" s="316">
        <v>20215</v>
      </c>
      <c r="R16" s="318">
        <v>70793</v>
      </c>
      <c r="S16" s="662">
        <v>0.24590000000000001</v>
      </c>
      <c r="T16" s="663">
        <v>0.1123</v>
      </c>
      <c r="U16" s="664">
        <v>0.115</v>
      </c>
      <c r="V16" s="665">
        <v>0.47310000000000002</v>
      </c>
      <c r="W16" s="33">
        <v>10</v>
      </c>
      <c r="X16" s="65" t="s">
        <v>10</v>
      </c>
      <c r="Y16" s="672">
        <v>837840360</v>
      </c>
      <c r="Z16" s="672">
        <v>328617100</v>
      </c>
      <c r="AA16" s="672">
        <v>136094460</v>
      </c>
      <c r="AB16" s="319">
        <v>1302551920</v>
      </c>
      <c r="AC16" s="673">
        <v>74983</v>
      </c>
      <c r="AD16" s="673">
        <v>751469878</v>
      </c>
      <c r="AE16" s="674">
        <v>2054021798</v>
      </c>
      <c r="AF16" s="33">
        <v>10</v>
      </c>
      <c r="AG16" s="65" t="s">
        <v>10</v>
      </c>
      <c r="AH16" s="316">
        <v>101826</v>
      </c>
      <c r="AI16" s="320"/>
      <c r="AJ16" s="669">
        <v>25035</v>
      </c>
      <c r="AK16" s="73"/>
      <c r="AL16" s="72">
        <v>11432</v>
      </c>
      <c r="AM16" s="73"/>
      <c r="AN16" s="316">
        <v>11707</v>
      </c>
      <c r="AO16" s="77">
        <v>48174</v>
      </c>
      <c r="AP16" s="219">
        <v>153189</v>
      </c>
      <c r="AQ16" s="73"/>
      <c r="AR16" s="670">
        <v>32244</v>
      </c>
      <c r="AS16" s="220"/>
      <c r="AT16" s="671">
        <v>19585</v>
      </c>
      <c r="AU16" s="73"/>
      <c r="AV16" s="316">
        <v>20717</v>
      </c>
      <c r="AW16" s="318">
        <v>72546</v>
      </c>
      <c r="AX16" s="662">
        <v>0.24590000000000001</v>
      </c>
      <c r="AY16" s="662">
        <v>0.1123</v>
      </c>
      <c r="AZ16" s="664">
        <v>0.115</v>
      </c>
      <c r="BA16" s="665">
        <v>0.47310000000000002</v>
      </c>
      <c r="BB16" s="33">
        <v>10</v>
      </c>
      <c r="BC16" s="65" t="s">
        <v>10</v>
      </c>
      <c r="BD16" s="77">
        <v>310774100</v>
      </c>
      <c r="BE16" s="77">
        <v>123091500</v>
      </c>
      <c r="BF16" s="77">
        <v>51036100</v>
      </c>
      <c r="BG16" s="673">
        <v>484901700</v>
      </c>
      <c r="BH16" s="673">
        <v>27549</v>
      </c>
      <c r="BI16" s="673">
        <v>276092497</v>
      </c>
      <c r="BJ16" s="674">
        <v>760994197</v>
      </c>
      <c r="BK16" s="33">
        <v>10</v>
      </c>
      <c r="BL16" s="65" t="s">
        <v>10</v>
      </c>
      <c r="BM16" s="316">
        <v>42391</v>
      </c>
      <c r="BN16" s="320"/>
      <c r="BO16" s="669">
        <v>10229</v>
      </c>
      <c r="BP16" s="73"/>
      <c r="BQ16" s="72">
        <v>4306</v>
      </c>
      <c r="BR16" s="73"/>
      <c r="BS16" s="316">
        <v>3901</v>
      </c>
      <c r="BT16" s="77">
        <v>18436</v>
      </c>
      <c r="BU16" s="219">
        <v>49166</v>
      </c>
      <c r="BV16" s="73"/>
      <c r="BW16" s="670">
        <v>11033</v>
      </c>
      <c r="BX16" s="220"/>
      <c r="BY16" s="671">
        <v>5086</v>
      </c>
      <c r="BZ16" s="73"/>
      <c r="CA16" s="316">
        <v>4679</v>
      </c>
      <c r="CB16" s="318">
        <v>20798</v>
      </c>
      <c r="CC16" s="662">
        <v>0.24129999999999999</v>
      </c>
      <c r="CD16" s="662">
        <v>0.1016</v>
      </c>
      <c r="CE16" s="664">
        <v>9.1999999999999998E-2</v>
      </c>
      <c r="CF16" s="665">
        <v>0.43490000000000001</v>
      </c>
      <c r="CG16" s="33">
        <v>10</v>
      </c>
      <c r="CH16" s="65" t="s">
        <v>10</v>
      </c>
      <c r="CI16" s="77">
        <v>108173520</v>
      </c>
      <c r="CJ16" s="77">
        <v>34513200</v>
      </c>
      <c r="CK16" s="77">
        <v>12635280</v>
      </c>
      <c r="CL16" s="673">
        <v>155322000</v>
      </c>
      <c r="CM16" s="673">
        <v>28239</v>
      </c>
      <c r="CN16" s="673">
        <v>84018368</v>
      </c>
      <c r="CO16" s="674">
        <v>239340368</v>
      </c>
    </row>
    <row r="17" spans="1:94" s="26" customFormat="1" ht="15" customHeight="1" x14ac:dyDescent="0.15">
      <c r="A17" s="33">
        <v>11</v>
      </c>
      <c r="B17" s="65" t="s">
        <v>11</v>
      </c>
      <c r="C17" s="77">
        <v>7625</v>
      </c>
      <c r="D17" s="73"/>
      <c r="E17" s="671">
        <v>1930</v>
      </c>
      <c r="F17" s="73"/>
      <c r="G17" s="72">
        <v>993</v>
      </c>
      <c r="H17" s="70"/>
      <c r="I17" s="316">
        <v>928</v>
      </c>
      <c r="J17" s="77">
        <v>3851</v>
      </c>
      <c r="K17" s="77">
        <v>12743</v>
      </c>
      <c r="L17" s="73"/>
      <c r="M17" s="670">
        <v>2565</v>
      </c>
      <c r="N17" s="320"/>
      <c r="O17" s="671">
        <v>1733</v>
      </c>
      <c r="P17" s="321"/>
      <c r="Q17" s="316">
        <v>1657</v>
      </c>
      <c r="R17" s="318">
        <v>5955</v>
      </c>
      <c r="S17" s="662">
        <v>0.25309999999999999</v>
      </c>
      <c r="T17" s="663">
        <v>0.13020000000000001</v>
      </c>
      <c r="U17" s="664">
        <v>0.1217</v>
      </c>
      <c r="V17" s="665">
        <v>0.505</v>
      </c>
      <c r="W17" s="675">
        <v>11</v>
      </c>
      <c r="X17" s="65" t="s">
        <v>11</v>
      </c>
      <c r="Y17" s="672">
        <v>67443705</v>
      </c>
      <c r="Z17" s="672">
        <v>30344750</v>
      </c>
      <c r="AA17" s="672">
        <v>11504620</v>
      </c>
      <c r="AB17" s="319">
        <v>109293075</v>
      </c>
      <c r="AC17" s="673">
        <v>72291</v>
      </c>
      <c r="AD17" s="673">
        <v>60925408</v>
      </c>
      <c r="AE17" s="674">
        <v>170218483</v>
      </c>
      <c r="AF17" s="33">
        <v>11</v>
      </c>
      <c r="AG17" s="65" t="s">
        <v>11</v>
      </c>
      <c r="AH17" s="316">
        <v>7625</v>
      </c>
      <c r="AI17" s="320"/>
      <c r="AJ17" s="671">
        <v>1930</v>
      </c>
      <c r="AK17" s="73"/>
      <c r="AL17" s="72">
        <v>993</v>
      </c>
      <c r="AM17" s="70"/>
      <c r="AN17" s="316">
        <v>928</v>
      </c>
      <c r="AO17" s="77">
        <v>3851</v>
      </c>
      <c r="AP17" s="219">
        <v>12743</v>
      </c>
      <c r="AQ17" s="73"/>
      <c r="AR17" s="670">
        <v>2479</v>
      </c>
      <c r="AS17" s="320"/>
      <c r="AT17" s="671">
        <v>1739</v>
      </c>
      <c r="AU17" s="321"/>
      <c r="AV17" s="316">
        <v>1654</v>
      </c>
      <c r="AW17" s="318">
        <v>5872</v>
      </c>
      <c r="AX17" s="662">
        <v>0.25309999999999999</v>
      </c>
      <c r="AY17" s="662">
        <v>0.13020000000000001</v>
      </c>
      <c r="AZ17" s="664">
        <v>0.1217</v>
      </c>
      <c r="BA17" s="665">
        <v>0.505</v>
      </c>
      <c r="BB17" s="675">
        <v>11</v>
      </c>
      <c r="BC17" s="65" t="s">
        <v>11</v>
      </c>
      <c r="BD17" s="77">
        <v>25316550</v>
      </c>
      <c r="BE17" s="77">
        <v>12217650</v>
      </c>
      <c r="BF17" s="77">
        <v>4672740</v>
      </c>
      <c r="BG17" s="673">
        <v>42206940</v>
      </c>
      <c r="BH17" s="673">
        <v>28340</v>
      </c>
      <c r="BI17" s="673">
        <v>23884385</v>
      </c>
      <c r="BJ17" s="674">
        <v>66091325</v>
      </c>
      <c r="BK17" s="675">
        <v>11</v>
      </c>
      <c r="BL17" s="65" t="s">
        <v>11</v>
      </c>
      <c r="BM17" s="316">
        <v>3351</v>
      </c>
      <c r="BN17" s="320"/>
      <c r="BO17" s="671">
        <v>807</v>
      </c>
      <c r="BP17" s="73"/>
      <c r="BQ17" s="72">
        <v>376</v>
      </c>
      <c r="BR17" s="70"/>
      <c r="BS17" s="316">
        <v>306</v>
      </c>
      <c r="BT17" s="77">
        <v>1489</v>
      </c>
      <c r="BU17" s="219">
        <v>4182</v>
      </c>
      <c r="BV17" s="73"/>
      <c r="BW17" s="670">
        <v>906</v>
      </c>
      <c r="BX17" s="320"/>
      <c r="BY17" s="671">
        <v>456</v>
      </c>
      <c r="BZ17" s="321"/>
      <c r="CA17" s="316">
        <v>396</v>
      </c>
      <c r="CB17" s="318">
        <v>1758</v>
      </c>
      <c r="CC17" s="662">
        <v>0.24079999999999999</v>
      </c>
      <c r="CD17" s="662">
        <v>0.11219999999999999</v>
      </c>
      <c r="CE17" s="664">
        <v>9.1300000000000006E-2</v>
      </c>
      <c r="CF17" s="665">
        <v>0.44429999999999997</v>
      </c>
      <c r="CG17" s="33">
        <v>11</v>
      </c>
      <c r="CH17" s="65" t="s">
        <v>11</v>
      </c>
      <c r="CI17" s="77">
        <v>11573310</v>
      </c>
      <c r="CJ17" s="77">
        <v>4126000</v>
      </c>
      <c r="CK17" s="77">
        <v>1423800</v>
      </c>
      <c r="CL17" s="673">
        <v>17123110</v>
      </c>
      <c r="CM17" s="673">
        <v>32859</v>
      </c>
      <c r="CN17" s="673">
        <v>8254838</v>
      </c>
      <c r="CO17" s="674">
        <v>25377948</v>
      </c>
    </row>
    <row r="18" spans="1:94" s="26" customFormat="1" ht="15" customHeight="1" x14ac:dyDescent="0.15">
      <c r="A18" s="33">
        <v>12</v>
      </c>
      <c r="B18" s="65" t="s">
        <v>12</v>
      </c>
      <c r="C18" s="77">
        <v>24685</v>
      </c>
      <c r="D18" s="73"/>
      <c r="E18" s="669">
        <v>6096</v>
      </c>
      <c r="F18" s="73"/>
      <c r="G18" s="72">
        <v>3135</v>
      </c>
      <c r="H18" s="70"/>
      <c r="I18" s="316">
        <v>3266</v>
      </c>
      <c r="J18" s="77">
        <v>12497</v>
      </c>
      <c r="K18" s="77">
        <v>38203</v>
      </c>
      <c r="L18" s="73"/>
      <c r="M18" s="670">
        <v>7730</v>
      </c>
      <c r="N18" s="320"/>
      <c r="O18" s="671">
        <v>5406</v>
      </c>
      <c r="P18" s="321"/>
      <c r="Q18" s="316">
        <v>5739</v>
      </c>
      <c r="R18" s="318">
        <v>18875</v>
      </c>
      <c r="S18" s="662">
        <v>0.247</v>
      </c>
      <c r="T18" s="663">
        <v>0.127</v>
      </c>
      <c r="U18" s="664">
        <v>0.1323</v>
      </c>
      <c r="V18" s="665">
        <v>0.50629999999999997</v>
      </c>
      <c r="W18" s="675">
        <v>12</v>
      </c>
      <c r="X18" s="65" t="s">
        <v>12</v>
      </c>
      <c r="Y18" s="672">
        <v>195862520</v>
      </c>
      <c r="Z18" s="672">
        <v>83960775</v>
      </c>
      <c r="AA18" s="672">
        <v>35214120</v>
      </c>
      <c r="AB18" s="319">
        <v>315037415</v>
      </c>
      <c r="AC18" s="673">
        <v>70697</v>
      </c>
      <c r="AD18" s="673">
        <v>188224400</v>
      </c>
      <c r="AE18" s="674">
        <v>503261815</v>
      </c>
      <c r="AF18" s="675">
        <v>12</v>
      </c>
      <c r="AG18" s="65" t="s">
        <v>12</v>
      </c>
      <c r="AH18" s="316">
        <v>24685</v>
      </c>
      <c r="AI18" s="320"/>
      <c r="AJ18" s="669">
        <v>6096</v>
      </c>
      <c r="AK18" s="73"/>
      <c r="AL18" s="72">
        <v>3135</v>
      </c>
      <c r="AM18" s="70"/>
      <c r="AN18" s="316">
        <v>3266</v>
      </c>
      <c r="AO18" s="77">
        <v>12497</v>
      </c>
      <c r="AP18" s="219">
        <v>38203</v>
      </c>
      <c r="AQ18" s="73"/>
      <c r="AR18" s="670">
        <v>7922</v>
      </c>
      <c r="AS18" s="320"/>
      <c r="AT18" s="671">
        <v>5417</v>
      </c>
      <c r="AU18" s="321"/>
      <c r="AV18" s="316">
        <v>5802</v>
      </c>
      <c r="AW18" s="318">
        <v>19141</v>
      </c>
      <c r="AX18" s="662">
        <v>0.247</v>
      </c>
      <c r="AY18" s="662">
        <v>0.127</v>
      </c>
      <c r="AZ18" s="664">
        <v>0.1323</v>
      </c>
      <c r="BA18" s="665">
        <v>0.50629999999999997</v>
      </c>
      <c r="BB18" s="675">
        <v>12</v>
      </c>
      <c r="BC18" s="65" t="s">
        <v>12</v>
      </c>
      <c r="BD18" s="77">
        <v>66704224</v>
      </c>
      <c r="BE18" s="77">
        <v>28586543</v>
      </c>
      <c r="BF18" s="77">
        <v>11989230</v>
      </c>
      <c r="BG18" s="673">
        <v>107279997</v>
      </c>
      <c r="BH18" s="673">
        <v>25982</v>
      </c>
      <c r="BI18" s="673">
        <v>69174737</v>
      </c>
      <c r="BJ18" s="674">
        <v>176454734</v>
      </c>
      <c r="BK18" s="675">
        <v>12</v>
      </c>
      <c r="BL18" s="65" t="s">
        <v>12</v>
      </c>
      <c r="BM18" s="316">
        <v>9402</v>
      </c>
      <c r="BN18" s="320"/>
      <c r="BO18" s="669">
        <v>2350</v>
      </c>
      <c r="BP18" s="73"/>
      <c r="BQ18" s="72">
        <v>1078</v>
      </c>
      <c r="BR18" s="70"/>
      <c r="BS18" s="316">
        <v>985</v>
      </c>
      <c r="BT18" s="77">
        <v>4413</v>
      </c>
      <c r="BU18" s="219">
        <v>10896</v>
      </c>
      <c r="BV18" s="73"/>
      <c r="BW18" s="670">
        <v>2538</v>
      </c>
      <c r="BX18" s="320"/>
      <c r="BY18" s="671">
        <v>1301</v>
      </c>
      <c r="BZ18" s="321"/>
      <c r="CA18" s="316">
        <v>1167</v>
      </c>
      <c r="CB18" s="318">
        <v>5006</v>
      </c>
      <c r="CC18" s="662">
        <v>0.24990000000000001</v>
      </c>
      <c r="CD18" s="662">
        <v>0.1147</v>
      </c>
      <c r="CE18" s="664">
        <v>0.1048</v>
      </c>
      <c r="CF18" s="665">
        <v>0.46939999999999998</v>
      </c>
      <c r="CG18" s="675">
        <v>12</v>
      </c>
      <c r="CH18" s="65" t="s">
        <v>12</v>
      </c>
      <c r="CI18" s="77">
        <v>22556240</v>
      </c>
      <c r="CJ18" s="77">
        <v>7828400</v>
      </c>
      <c r="CK18" s="77">
        <v>2833360</v>
      </c>
      <c r="CL18" s="673">
        <v>33218000</v>
      </c>
      <c r="CM18" s="673">
        <v>26740</v>
      </c>
      <c r="CN18" s="673">
        <v>19107067</v>
      </c>
      <c r="CO18" s="674">
        <v>52325067</v>
      </c>
    </row>
    <row r="19" spans="1:94" s="26" customFormat="1" ht="15" customHeight="1" x14ac:dyDescent="0.15">
      <c r="A19" s="675">
        <v>13</v>
      </c>
      <c r="B19" s="65" t="s">
        <v>13</v>
      </c>
      <c r="C19" s="77">
        <v>31765</v>
      </c>
      <c r="D19" s="73"/>
      <c r="E19" s="671">
        <v>7651</v>
      </c>
      <c r="F19" s="73"/>
      <c r="G19" s="72">
        <v>3734</v>
      </c>
      <c r="H19" s="70"/>
      <c r="I19" s="316">
        <v>3849</v>
      </c>
      <c r="J19" s="77">
        <v>15234</v>
      </c>
      <c r="K19" s="77">
        <v>49396</v>
      </c>
      <c r="L19" s="73"/>
      <c r="M19" s="670">
        <v>9896</v>
      </c>
      <c r="N19" s="320"/>
      <c r="O19" s="671">
        <v>6712</v>
      </c>
      <c r="P19" s="321"/>
      <c r="Q19" s="316">
        <v>6867</v>
      </c>
      <c r="R19" s="318">
        <v>23475</v>
      </c>
      <c r="S19" s="662">
        <v>0.2409</v>
      </c>
      <c r="T19" s="663">
        <v>0.1176</v>
      </c>
      <c r="U19" s="664">
        <v>0.1212</v>
      </c>
      <c r="V19" s="665">
        <v>0.47960000000000003</v>
      </c>
      <c r="W19" s="675">
        <v>13</v>
      </c>
      <c r="X19" s="65" t="s">
        <v>13</v>
      </c>
      <c r="Y19" s="672">
        <v>269835036</v>
      </c>
      <c r="Z19" s="672">
        <v>112823418</v>
      </c>
      <c r="AA19" s="672">
        <v>45846608</v>
      </c>
      <c r="AB19" s="319">
        <v>428505062</v>
      </c>
      <c r="AC19" s="673">
        <v>77502</v>
      </c>
      <c r="AD19" s="673">
        <v>257057858</v>
      </c>
      <c r="AE19" s="674">
        <v>685562920</v>
      </c>
      <c r="AF19" s="675">
        <v>13</v>
      </c>
      <c r="AG19" s="65" t="s">
        <v>13</v>
      </c>
      <c r="AH19" s="316">
        <v>31765</v>
      </c>
      <c r="AI19" s="320"/>
      <c r="AJ19" s="671">
        <v>7651</v>
      </c>
      <c r="AK19" s="73"/>
      <c r="AL19" s="72">
        <v>3734</v>
      </c>
      <c r="AM19" s="70"/>
      <c r="AN19" s="316">
        <v>3849</v>
      </c>
      <c r="AO19" s="77">
        <v>15234</v>
      </c>
      <c r="AP19" s="219">
        <v>49396</v>
      </c>
      <c r="AQ19" s="73"/>
      <c r="AR19" s="670">
        <v>10143</v>
      </c>
      <c r="AS19" s="320"/>
      <c r="AT19" s="671">
        <v>6784</v>
      </c>
      <c r="AU19" s="321"/>
      <c r="AV19" s="316">
        <v>6980</v>
      </c>
      <c r="AW19" s="318">
        <v>23907</v>
      </c>
      <c r="AX19" s="662">
        <v>0.2409</v>
      </c>
      <c r="AY19" s="662">
        <v>0.1176</v>
      </c>
      <c r="AZ19" s="664">
        <v>0.1212</v>
      </c>
      <c r="BA19" s="665">
        <v>0.47960000000000003</v>
      </c>
      <c r="BB19" s="675">
        <v>13</v>
      </c>
      <c r="BC19" s="65" t="s">
        <v>13</v>
      </c>
      <c r="BD19" s="77">
        <v>95357686</v>
      </c>
      <c r="BE19" s="77">
        <v>39872140</v>
      </c>
      <c r="BF19" s="77">
        <v>16200047</v>
      </c>
      <c r="BG19" s="673">
        <v>151429873</v>
      </c>
      <c r="BH19" s="673">
        <v>27429</v>
      </c>
      <c r="BI19" s="673">
        <v>90976234</v>
      </c>
      <c r="BJ19" s="674">
        <v>242406107</v>
      </c>
      <c r="BK19" s="675">
        <v>13</v>
      </c>
      <c r="BL19" s="65" t="s">
        <v>13</v>
      </c>
      <c r="BM19" s="316">
        <v>12934</v>
      </c>
      <c r="BN19" s="320"/>
      <c r="BO19" s="671">
        <v>3045</v>
      </c>
      <c r="BP19" s="73"/>
      <c r="BQ19" s="72">
        <v>1416</v>
      </c>
      <c r="BR19" s="70"/>
      <c r="BS19" s="316">
        <v>1166</v>
      </c>
      <c r="BT19" s="77">
        <v>5627</v>
      </c>
      <c r="BU19" s="219">
        <v>15034</v>
      </c>
      <c r="BV19" s="73"/>
      <c r="BW19" s="670">
        <v>3294</v>
      </c>
      <c r="BX19" s="320"/>
      <c r="BY19" s="671">
        <v>1689</v>
      </c>
      <c r="BZ19" s="321"/>
      <c r="CA19" s="316">
        <v>1392</v>
      </c>
      <c r="CB19" s="318">
        <v>6375</v>
      </c>
      <c r="CC19" s="662">
        <v>0.2354</v>
      </c>
      <c r="CD19" s="662">
        <v>0.1095</v>
      </c>
      <c r="CE19" s="664">
        <v>9.01E-2</v>
      </c>
      <c r="CF19" s="665">
        <v>0.43509999999999999</v>
      </c>
      <c r="CG19" s="675">
        <v>13</v>
      </c>
      <c r="CH19" s="65" t="s">
        <v>13</v>
      </c>
      <c r="CI19" s="77">
        <v>35469039</v>
      </c>
      <c r="CJ19" s="77">
        <v>12516756</v>
      </c>
      <c r="CK19" s="77">
        <v>4126062</v>
      </c>
      <c r="CL19" s="673">
        <v>52111857</v>
      </c>
      <c r="CM19" s="673">
        <v>33167</v>
      </c>
      <c r="CN19" s="673">
        <v>30232384</v>
      </c>
      <c r="CO19" s="674">
        <v>82344241</v>
      </c>
    </row>
    <row r="20" spans="1:94" s="216" customFormat="1" ht="15" customHeight="1" x14ac:dyDescent="0.15">
      <c r="A20" s="675">
        <v>14</v>
      </c>
      <c r="B20" s="117" t="s">
        <v>14</v>
      </c>
      <c r="C20" s="218">
        <v>33443</v>
      </c>
      <c r="D20" s="676"/>
      <c r="E20" s="669">
        <v>8146</v>
      </c>
      <c r="F20" s="676"/>
      <c r="G20" s="69">
        <v>3837</v>
      </c>
      <c r="H20" s="217"/>
      <c r="I20" s="669">
        <v>3721</v>
      </c>
      <c r="J20" s="218">
        <v>15704</v>
      </c>
      <c r="K20" s="218">
        <v>50219</v>
      </c>
      <c r="L20" s="676"/>
      <c r="M20" s="677">
        <v>10351</v>
      </c>
      <c r="N20" s="678"/>
      <c r="O20" s="679">
        <v>6627</v>
      </c>
      <c r="P20" s="680"/>
      <c r="Q20" s="669">
        <v>6437</v>
      </c>
      <c r="R20" s="681">
        <v>23415</v>
      </c>
      <c r="S20" s="95">
        <v>0.24360000000000001</v>
      </c>
      <c r="T20" s="96">
        <v>0.1147</v>
      </c>
      <c r="U20" s="97">
        <v>0.1113</v>
      </c>
      <c r="V20" s="98">
        <v>0.46960000000000002</v>
      </c>
      <c r="W20" s="675">
        <v>14</v>
      </c>
      <c r="X20" s="117" t="s">
        <v>14</v>
      </c>
      <c r="Y20" s="682">
        <v>249255930</v>
      </c>
      <c r="Z20" s="682">
        <v>98979525</v>
      </c>
      <c r="AA20" s="682">
        <v>37941510</v>
      </c>
      <c r="AB20" s="683">
        <v>386176965</v>
      </c>
      <c r="AC20" s="684">
        <v>73424</v>
      </c>
      <c r="AD20" s="684">
        <v>243565030</v>
      </c>
      <c r="AE20" s="685">
        <v>629741995</v>
      </c>
      <c r="AF20" s="675">
        <v>14</v>
      </c>
      <c r="AG20" s="117" t="s">
        <v>14</v>
      </c>
      <c r="AH20" s="669">
        <v>33443</v>
      </c>
      <c r="AI20" s="678"/>
      <c r="AJ20" s="669">
        <v>8146</v>
      </c>
      <c r="AK20" s="676"/>
      <c r="AL20" s="69">
        <v>3837</v>
      </c>
      <c r="AM20" s="217"/>
      <c r="AN20" s="669">
        <v>3721</v>
      </c>
      <c r="AO20" s="218">
        <v>15704</v>
      </c>
      <c r="AP20" s="705">
        <v>50219</v>
      </c>
      <c r="AQ20" s="676"/>
      <c r="AR20" s="677">
        <v>10420</v>
      </c>
      <c r="AS20" s="678"/>
      <c r="AT20" s="679">
        <v>6654</v>
      </c>
      <c r="AU20" s="680"/>
      <c r="AV20" s="669">
        <v>6639</v>
      </c>
      <c r="AW20" s="681">
        <v>23713</v>
      </c>
      <c r="AX20" s="95">
        <v>0.24360000000000001</v>
      </c>
      <c r="AY20" s="95">
        <v>0.1147</v>
      </c>
      <c r="AZ20" s="97">
        <v>0.1113</v>
      </c>
      <c r="BA20" s="98">
        <v>0.46960000000000002</v>
      </c>
      <c r="BB20" s="675">
        <v>14</v>
      </c>
      <c r="BC20" s="117" t="s">
        <v>14</v>
      </c>
      <c r="BD20" s="218">
        <v>95556930</v>
      </c>
      <c r="BE20" s="218">
        <v>37787025</v>
      </c>
      <c r="BF20" s="218">
        <v>14478510</v>
      </c>
      <c r="BG20" s="684">
        <v>147822465</v>
      </c>
      <c r="BH20" s="684">
        <v>27135</v>
      </c>
      <c r="BI20" s="684">
        <v>90013307</v>
      </c>
      <c r="BJ20" s="685">
        <v>237835772</v>
      </c>
      <c r="BK20" s="675">
        <v>14</v>
      </c>
      <c r="BL20" s="117" t="s">
        <v>14</v>
      </c>
      <c r="BM20" s="669">
        <v>14372</v>
      </c>
      <c r="BN20" s="678"/>
      <c r="BO20" s="669">
        <v>3358</v>
      </c>
      <c r="BP20" s="676"/>
      <c r="BQ20" s="69">
        <v>1497</v>
      </c>
      <c r="BR20" s="217"/>
      <c r="BS20" s="669">
        <v>1328</v>
      </c>
      <c r="BT20" s="218">
        <v>6183</v>
      </c>
      <c r="BU20" s="705">
        <v>16707</v>
      </c>
      <c r="BV20" s="676"/>
      <c r="BW20" s="677">
        <v>3617</v>
      </c>
      <c r="BX20" s="678"/>
      <c r="BY20" s="679">
        <v>1757</v>
      </c>
      <c r="BZ20" s="680"/>
      <c r="CA20" s="669">
        <v>1618</v>
      </c>
      <c r="CB20" s="681">
        <v>6992</v>
      </c>
      <c r="CC20" s="95">
        <v>0.2336</v>
      </c>
      <c r="CD20" s="95">
        <v>0.1042</v>
      </c>
      <c r="CE20" s="97">
        <v>9.2399999999999996E-2</v>
      </c>
      <c r="CF20" s="98">
        <v>0.43020000000000003</v>
      </c>
      <c r="CG20" s="675">
        <v>14</v>
      </c>
      <c r="CH20" s="117" t="s">
        <v>14</v>
      </c>
      <c r="CI20" s="218">
        <v>29512560</v>
      </c>
      <c r="CJ20" s="218">
        <v>9918000</v>
      </c>
      <c r="CK20" s="218">
        <v>3604800</v>
      </c>
      <c r="CL20" s="684">
        <v>43035360</v>
      </c>
      <c r="CM20" s="684">
        <v>22954</v>
      </c>
      <c r="CN20" s="684">
        <v>22928062</v>
      </c>
      <c r="CO20" s="685">
        <v>65963422</v>
      </c>
    </row>
    <row r="21" spans="1:94" s="216" customFormat="1" ht="15" customHeight="1" x14ac:dyDescent="0.15">
      <c r="A21" s="675">
        <v>15</v>
      </c>
      <c r="B21" s="115" t="s">
        <v>15</v>
      </c>
      <c r="C21" s="219">
        <v>13276</v>
      </c>
      <c r="D21" s="221"/>
      <c r="E21" s="671">
        <v>3075</v>
      </c>
      <c r="F21" s="221"/>
      <c r="G21" s="71">
        <v>1613</v>
      </c>
      <c r="H21" s="221"/>
      <c r="I21" s="671">
        <v>1572</v>
      </c>
      <c r="J21" s="219">
        <v>6260</v>
      </c>
      <c r="K21" s="219">
        <v>20577</v>
      </c>
      <c r="L21" s="222"/>
      <c r="M21" s="671">
        <v>3880</v>
      </c>
      <c r="N21" s="222"/>
      <c r="O21" s="671">
        <v>2748</v>
      </c>
      <c r="P21" s="222"/>
      <c r="Q21" s="671">
        <v>2711</v>
      </c>
      <c r="R21" s="219">
        <v>9339</v>
      </c>
      <c r="S21" s="686">
        <v>0.2316</v>
      </c>
      <c r="T21" s="686">
        <v>0.1215</v>
      </c>
      <c r="U21" s="686">
        <v>0.11840000000000001</v>
      </c>
      <c r="V21" s="687">
        <v>0.47149999999999997</v>
      </c>
      <c r="W21" s="675">
        <v>15</v>
      </c>
      <c r="X21" s="115" t="s">
        <v>15</v>
      </c>
      <c r="Y21" s="672">
        <v>100694160</v>
      </c>
      <c r="Z21" s="672">
        <v>44144600</v>
      </c>
      <c r="AA21" s="672">
        <v>17212280</v>
      </c>
      <c r="AB21" s="673">
        <v>162051040</v>
      </c>
      <c r="AC21" s="688">
        <v>72826</v>
      </c>
      <c r="AD21" s="673">
        <v>96068418</v>
      </c>
      <c r="AE21" s="674">
        <v>258119458</v>
      </c>
      <c r="AF21" s="675">
        <v>15</v>
      </c>
      <c r="AG21" s="115" t="s">
        <v>15</v>
      </c>
      <c r="AH21" s="219">
        <v>13276</v>
      </c>
      <c r="AI21" s="220"/>
      <c r="AJ21" s="671">
        <v>3075</v>
      </c>
      <c r="AK21" s="220"/>
      <c r="AL21" s="71">
        <v>1613</v>
      </c>
      <c r="AM21" s="220"/>
      <c r="AN21" s="671">
        <v>1572</v>
      </c>
      <c r="AO21" s="219">
        <v>6260</v>
      </c>
      <c r="AP21" s="219">
        <v>20577</v>
      </c>
      <c r="AQ21" s="220"/>
      <c r="AR21" s="671">
        <v>3678</v>
      </c>
      <c r="AS21" s="220"/>
      <c r="AT21" s="671">
        <v>2569</v>
      </c>
      <c r="AU21" s="220"/>
      <c r="AV21" s="671">
        <v>2749</v>
      </c>
      <c r="AW21" s="219">
        <v>8996</v>
      </c>
      <c r="AX21" s="686">
        <v>0.2316</v>
      </c>
      <c r="AY21" s="686">
        <v>0.1215</v>
      </c>
      <c r="AZ21" s="686">
        <v>0.11840000000000001</v>
      </c>
      <c r="BA21" s="687">
        <v>0.47149999999999997</v>
      </c>
      <c r="BB21" s="675">
        <v>15</v>
      </c>
      <c r="BC21" s="115" t="s">
        <v>15</v>
      </c>
      <c r="BD21" s="219">
        <v>39445683</v>
      </c>
      <c r="BE21" s="219">
        <v>17112799</v>
      </c>
      <c r="BF21" s="219">
        <v>6666030</v>
      </c>
      <c r="BG21" s="673">
        <v>63224512</v>
      </c>
      <c r="BH21" s="688">
        <v>28622</v>
      </c>
      <c r="BI21" s="673">
        <v>37756711</v>
      </c>
      <c r="BJ21" s="674">
        <v>100981223</v>
      </c>
      <c r="BK21" s="675">
        <v>15</v>
      </c>
      <c r="BL21" s="115" t="s">
        <v>15</v>
      </c>
      <c r="BM21" s="706">
        <v>5389</v>
      </c>
      <c r="BN21" s="220"/>
      <c r="BO21" s="671">
        <v>1209</v>
      </c>
      <c r="BP21" s="220"/>
      <c r="BQ21" s="71">
        <v>575</v>
      </c>
      <c r="BR21" s="220"/>
      <c r="BS21" s="671">
        <v>499</v>
      </c>
      <c r="BT21" s="219">
        <v>2283</v>
      </c>
      <c r="BU21" s="219">
        <v>6330</v>
      </c>
      <c r="BV21" s="220"/>
      <c r="BW21" s="671">
        <v>1305</v>
      </c>
      <c r="BX21" s="220"/>
      <c r="BY21" s="671">
        <v>682</v>
      </c>
      <c r="BZ21" s="220"/>
      <c r="CA21" s="671">
        <v>610</v>
      </c>
      <c r="CB21" s="219">
        <v>2597</v>
      </c>
      <c r="CC21" s="686">
        <v>0.2243</v>
      </c>
      <c r="CD21" s="686">
        <v>0.1067</v>
      </c>
      <c r="CE21" s="686">
        <v>9.2600000000000002E-2</v>
      </c>
      <c r="CF21" s="687">
        <v>0.42359999999999998</v>
      </c>
      <c r="CG21" s="675">
        <v>15</v>
      </c>
      <c r="CH21" s="115" t="s">
        <v>15</v>
      </c>
      <c r="CI21" s="219">
        <v>12944610</v>
      </c>
      <c r="CJ21" s="219">
        <v>4627500</v>
      </c>
      <c r="CK21" s="219">
        <v>1633560</v>
      </c>
      <c r="CL21" s="673">
        <v>19205670</v>
      </c>
      <c r="CM21" s="688">
        <v>30380</v>
      </c>
      <c r="CN21" s="673">
        <v>11256701</v>
      </c>
      <c r="CO21" s="674">
        <v>30462371</v>
      </c>
    </row>
    <row r="22" spans="1:94" s="216" customFormat="1" ht="15" customHeight="1" x14ac:dyDescent="0.15">
      <c r="A22" s="675">
        <v>16</v>
      </c>
      <c r="B22" s="115" t="s">
        <v>16</v>
      </c>
      <c r="C22" s="219">
        <v>17704</v>
      </c>
      <c r="D22" s="220"/>
      <c r="E22" s="671">
        <v>4247</v>
      </c>
      <c r="F22" s="220"/>
      <c r="G22" s="71">
        <v>1920</v>
      </c>
      <c r="H22" s="221"/>
      <c r="I22" s="671">
        <v>2155</v>
      </c>
      <c r="J22" s="219">
        <v>8322</v>
      </c>
      <c r="K22" s="219">
        <v>27497</v>
      </c>
      <c r="L22" s="220"/>
      <c r="M22" s="671">
        <v>5524</v>
      </c>
      <c r="N22" s="220"/>
      <c r="O22" s="671">
        <v>3319</v>
      </c>
      <c r="P22" s="221"/>
      <c r="Q22" s="671">
        <v>3756</v>
      </c>
      <c r="R22" s="219">
        <v>12599</v>
      </c>
      <c r="S22" s="686">
        <v>0.2399</v>
      </c>
      <c r="T22" s="686">
        <v>0.1085</v>
      </c>
      <c r="U22" s="686">
        <v>0.1217</v>
      </c>
      <c r="V22" s="687">
        <v>0.47010000000000002</v>
      </c>
      <c r="W22" s="675">
        <v>16</v>
      </c>
      <c r="X22" s="115" t="s">
        <v>16</v>
      </c>
      <c r="Y22" s="672">
        <v>145692435</v>
      </c>
      <c r="Z22" s="672">
        <v>55740000</v>
      </c>
      <c r="AA22" s="672">
        <v>24888180</v>
      </c>
      <c r="AB22" s="673">
        <v>226320615</v>
      </c>
      <c r="AC22" s="688">
        <v>74955</v>
      </c>
      <c r="AD22" s="673">
        <v>133535330</v>
      </c>
      <c r="AE22" s="674">
        <v>359855945</v>
      </c>
      <c r="AF22" s="675">
        <v>16</v>
      </c>
      <c r="AG22" s="115" t="s">
        <v>16</v>
      </c>
      <c r="AH22" s="219">
        <v>17704</v>
      </c>
      <c r="AI22" s="220"/>
      <c r="AJ22" s="671">
        <v>4247</v>
      </c>
      <c r="AK22" s="220"/>
      <c r="AL22" s="71">
        <v>1920</v>
      </c>
      <c r="AM22" s="221"/>
      <c r="AN22" s="671">
        <v>2155</v>
      </c>
      <c r="AO22" s="219">
        <v>8322</v>
      </c>
      <c r="AP22" s="219">
        <v>27497</v>
      </c>
      <c r="AQ22" s="220"/>
      <c r="AR22" s="671">
        <v>5506</v>
      </c>
      <c r="AS22" s="220"/>
      <c r="AT22" s="671">
        <v>3439</v>
      </c>
      <c r="AU22" s="221"/>
      <c r="AV22" s="671">
        <v>3845</v>
      </c>
      <c r="AW22" s="219">
        <v>12790</v>
      </c>
      <c r="AX22" s="686">
        <v>0.2399</v>
      </c>
      <c r="AY22" s="686">
        <v>0.1085</v>
      </c>
      <c r="AZ22" s="686">
        <v>0.1217</v>
      </c>
      <c r="BA22" s="687">
        <v>0.47010000000000002</v>
      </c>
      <c r="BB22" s="675">
        <v>16</v>
      </c>
      <c r="BC22" s="115" t="s">
        <v>16</v>
      </c>
      <c r="BD22" s="219">
        <v>50499855</v>
      </c>
      <c r="BE22" s="219">
        <v>19264800</v>
      </c>
      <c r="BF22" s="219">
        <v>8598660</v>
      </c>
      <c r="BG22" s="673">
        <v>78363315</v>
      </c>
      <c r="BH22" s="688">
        <v>25668</v>
      </c>
      <c r="BI22" s="673">
        <v>45728569</v>
      </c>
      <c r="BJ22" s="674">
        <v>124091884</v>
      </c>
      <c r="BK22" s="675">
        <v>16</v>
      </c>
      <c r="BL22" s="115" t="s">
        <v>16</v>
      </c>
      <c r="BM22" s="706">
        <v>7154</v>
      </c>
      <c r="BN22" s="220"/>
      <c r="BO22" s="671">
        <v>1751</v>
      </c>
      <c r="BP22" s="220"/>
      <c r="BQ22" s="71">
        <v>680</v>
      </c>
      <c r="BR22" s="221"/>
      <c r="BS22" s="671">
        <v>658</v>
      </c>
      <c r="BT22" s="219">
        <v>3089</v>
      </c>
      <c r="BU22" s="219">
        <v>8431</v>
      </c>
      <c r="BV22" s="220"/>
      <c r="BW22" s="671">
        <v>1973</v>
      </c>
      <c r="BX22" s="220"/>
      <c r="BY22" s="671">
        <v>815</v>
      </c>
      <c r="BZ22" s="221"/>
      <c r="CA22" s="671">
        <v>784</v>
      </c>
      <c r="CB22" s="219">
        <v>3572</v>
      </c>
      <c r="CC22" s="686">
        <v>0.24479999999999999</v>
      </c>
      <c r="CD22" s="686">
        <v>9.5100000000000004E-2</v>
      </c>
      <c r="CE22" s="686">
        <v>9.1999999999999998E-2</v>
      </c>
      <c r="CF22" s="687">
        <v>0.43180000000000002</v>
      </c>
      <c r="CG22" s="675">
        <v>16</v>
      </c>
      <c r="CH22" s="115" t="s">
        <v>16</v>
      </c>
      <c r="CI22" s="219">
        <v>17116890</v>
      </c>
      <c r="CJ22" s="219">
        <v>4953000</v>
      </c>
      <c r="CK22" s="219">
        <v>1909320</v>
      </c>
      <c r="CL22" s="673">
        <v>23979210</v>
      </c>
      <c r="CM22" s="688">
        <v>26012</v>
      </c>
      <c r="CN22" s="673">
        <v>13317363</v>
      </c>
      <c r="CO22" s="674">
        <v>37296573</v>
      </c>
    </row>
    <row r="23" spans="1:94" s="216" customFormat="1" ht="15" customHeight="1" x14ac:dyDescent="0.15">
      <c r="A23" s="675">
        <v>17</v>
      </c>
      <c r="B23" s="115" t="s">
        <v>17</v>
      </c>
      <c r="C23" s="219">
        <v>18939</v>
      </c>
      <c r="D23" s="220"/>
      <c r="E23" s="671">
        <v>4401</v>
      </c>
      <c r="F23" s="220"/>
      <c r="G23" s="71">
        <v>2196</v>
      </c>
      <c r="H23" s="221"/>
      <c r="I23" s="671">
        <v>2207</v>
      </c>
      <c r="J23" s="219">
        <v>8804</v>
      </c>
      <c r="K23" s="219">
        <v>28599</v>
      </c>
      <c r="L23" s="220"/>
      <c r="M23" s="671">
        <v>5563</v>
      </c>
      <c r="N23" s="220"/>
      <c r="O23" s="671">
        <v>3747</v>
      </c>
      <c r="P23" s="221"/>
      <c r="Q23" s="671">
        <v>3872</v>
      </c>
      <c r="R23" s="219">
        <v>13182</v>
      </c>
      <c r="S23" s="686">
        <v>0.2324</v>
      </c>
      <c r="T23" s="686">
        <v>0.11600000000000001</v>
      </c>
      <c r="U23" s="686">
        <v>0.11650000000000001</v>
      </c>
      <c r="V23" s="687">
        <v>0.46489999999999998</v>
      </c>
      <c r="W23" s="675">
        <v>17</v>
      </c>
      <c r="X23" s="115" t="s">
        <v>17</v>
      </c>
      <c r="Y23" s="672">
        <v>145849515</v>
      </c>
      <c r="Z23" s="672">
        <v>61723350</v>
      </c>
      <c r="AA23" s="672">
        <v>25013670</v>
      </c>
      <c r="AB23" s="673">
        <v>232586535</v>
      </c>
      <c r="AC23" s="688">
        <v>73793</v>
      </c>
      <c r="AD23" s="673">
        <v>137431345</v>
      </c>
      <c r="AE23" s="674">
        <v>370017880</v>
      </c>
      <c r="AF23" s="675">
        <v>17</v>
      </c>
      <c r="AG23" s="115" t="s">
        <v>17</v>
      </c>
      <c r="AH23" s="219">
        <v>18939</v>
      </c>
      <c r="AI23" s="220"/>
      <c r="AJ23" s="671">
        <v>4401</v>
      </c>
      <c r="AK23" s="220"/>
      <c r="AL23" s="71">
        <v>2196</v>
      </c>
      <c r="AM23" s="221"/>
      <c r="AN23" s="671">
        <v>2207</v>
      </c>
      <c r="AO23" s="219">
        <v>8804</v>
      </c>
      <c r="AP23" s="219">
        <v>28599</v>
      </c>
      <c r="AQ23" s="220"/>
      <c r="AR23" s="671">
        <v>5692</v>
      </c>
      <c r="AS23" s="220"/>
      <c r="AT23" s="671">
        <v>3764</v>
      </c>
      <c r="AU23" s="221"/>
      <c r="AV23" s="671">
        <v>4033</v>
      </c>
      <c r="AW23" s="219">
        <v>13489</v>
      </c>
      <c r="AX23" s="686">
        <v>0.2324</v>
      </c>
      <c r="AY23" s="686">
        <v>0.11600000000000001</v>
      </c>
      <c r="AZ23" s="686">
        <v>0.11650000000000001</v>
      </c>
      <c r="BA23" s="687">
        <v>0.46489999999999998</v>
      </c>
      <c r="BB23" s="675">
        <v>17</v>
      </c>
      <c r="BC23" s="115" t="s">
        <v>17</v>
      </c>
      <c r="BD23" s="219">
        <v>45922415</v>
      </c>
      <c r="BE23" s="219">
        <v>19107650</v>
      </c>
      <c r="BF23" s="219">
        <v>7721510</v>
      </c>
      <c r="BG23" s="673">
        <v>72751575</v>
      </c>
      <c r="BH23" s="688">
        <v>24521</v>
      </c>
      <c r="BI23" s="673">
        <v>45667665</v>
      </c>
      <c r="BJ23" s="674">
        <v>118419240</v>
      </c>
      <c r="BK23" s="675">
        <v>17</v>
      </c>
      <c r="BL23" s="115" t="s">
        <v>17</v>
      </c>
      <c r="BM23" s="706">
        <v>8005</v>
      </c>
      <c r="BN23" s="220"/>
      <c r="BO23" s="671">
        <v>1800</v>
      </c>
      <c r="BP23" s="220"/>
      <c r="BQ23" s="71">
        <v>843</v>
      </c>
      <c r="BR23" s="221"/>
      <c r="BS23" s="671">
        <v>730</v>
      </c>
      <c r="BT23" s="219">
        <v>3373</v>
      </c>
      <c r="BU23" s="219">
        <v>9254</v>
      </c>
      <c r="BV23" s="220"/>
      <c r="BW23" s="671">
        <v>1936</v>
      </c>
      <c r="BX23" s="220"/>
      <c r="BY23" s="671">
        <v>991</v>
      </c>
      <c r="BZ23" s="221"/>
      <c r="CA23" s="671">
        <v>870</v>
      </c>
      <c r="CB23" s="219">
        <v>3797</v>
      </c>
      <c r="CC23" s="686">
        <v>0.22489999999999999</v>
      </c>
      <c r="CD23" s="686">
        <v>0.1053</v>
      </c>
      <c r="CE23" s="686">
        <v>9.1200000000000003E-2</v>
      </c>
      <c r="CF23" s="687">
        <v>0.4214</v>
      </c>
      <c r="CG23" s="675">
        <v>17</v>
      </c>
      <c r="CH23" s="115" t="s">
        <v>17</v>
      </c>
      <c r="CI23" s="219">
        <v>17840480</v>
      </c>
      <c r="CJ23" s="219">
        <v>6280000</v>
      </c>
      <c r="CK23" s="219">
        <v>2192800</v>
      </c>
      <c r="CL23" s="673">
        <v>26313280</v>
      </c>
      <c r="CM23" s="688">
        <v>26791</v>
      </c>
      <c r="CN23" s="673">
        <v>14527151</v>
      </c>
      <c r="CO23" s="674">
        <v>40840431</v>
      </c>
    </row>
    <row r="24" spans="1:94" s="216" customFormat="1" ht="15" customHeight="1" x14ac:dyDescent="0.15">
      <c r="A24" s="675">
        <v>18</v>
      </c>
      <c r="B24" s="115" t="s">
        <v>18</v>
      </c>
      <c r="C24" s="219">
        <v>5685</v>
      </c>
      <c r="D24" s="222"/>
      <c r="E24" s="671">
        <v>1240</v>
      </c>
      <c r="F24" s="222"/>
      <c r="G24" s="71">
        <v>751</v>
      </c>
      <c r="H24" s="222"/>
      <c r="I24" s="671">
        <v>637</v>
      </c>
      <c r="J24" s="219">
        <v>2628</v>
      </c>
      <c r="K24" s="219">
        <v>8828</v>
      </c>
      <c r="L24" s="222"/>
      <c r="M24" s="671">
        <v>1546</v>
      </c>
      <c r="N24" s="222"/>
      <c r="O24" s="671">
        <v>1318</v>
      </c>
      <c r="P24" s="222"/>
      <c r="Q24" s="671">
        <v>1134</v>
      </c>
      <c r="R24" s="219">
        <v>3998</v>
      </c>
      <c r="S24" s="686">
        <v>0.21809999999999999</v>
      </c>
      <c r="T24" s="686">
        <v>0.1321</v>
      </c>
      <c r="U24" s="686">
        <v>0.112</v>
      </c>
      <c r="V24" s="687">
        <v>0.46229999999999999</v>
      </c>
      <c r="W24" s="675">
        <v>18</v>
      </c>
      <c r="X24" s="115" t="s">
        <v>18</v>
      </c>
      <c r="Y24" s="672">
        <v>51339117</v>
      </c>
      <c r="Z24" s="672">
        <v>26575543</v>
      </c>
      <c r="AA24" s="672">
        <v>9013846</v>
      </c>
      <c r="AB24" s="673">
        <v>86928506</v>
      </c>
      <c r="AC24" s="688">
        <v>80606</v>
      </c>
      <c r="AD24" s="673">
        <v>45448887</v>
      </c>
      <c r="AE24" s="674">
        <v>132377393</v>
      </c>
      <c r="AF24" s="675">
        <v>18</v>
      </c>
      <c r="AG24" s="115" t="s">
        <v>18</v>
      </c>
      <c r="AH24" s="219">
        <v>5685</v>
      </c>
      <c r="AI24" s="222"/>
      <c r="AJ24" s="671">
        <v>1240</v>
      </c>
      <c r="AK24" s="222"/>
      <c r="AL24" s="71">
        <v>751</v>
      </c>
      <c r="AM24" s="222"/>
      <c r="AN24" s="671">
        <v>637</v>
      </c>
      <c r="AO24" s="219">
        <v>2628</v>
      </c>
      <c r="AP24" s="219">
        <v>8828</v>
      </c>
      <c r="AQ24" s="222"/>
      <c r="AR24" s="671">
        <v>1563</v>
      </c>
      <c r="AS24" s="222"/>
      <c r="AT24" s="671">
        <v>1289</v>
      </c>
      <c r="AU24" s="222"/>
      <c r="AV24" s="671">
        <v>1186</v>
      </c>
      <c r="AW24" s="219">
        <v>4038</v>
      </c>
      <c r="AX24" s="686">
        <v>0.21809999999999999</v>
      </c>
      <c r="AY24" s="686">
        <v>0.1321</v>
      </c>
      <c r="AZ24" s="686">
        <v>0.112</v>
      </c>
      <c r="BA24" s="687">
        <v>0.46229999999999999</v>
      </c>
      <c r="BB24" s="675">
        <v>18</v>
      </c>
      <c r="BC24" s="115" t="s">
        <v>18</v>
      </c>
      <c r="BD24" s="219">
        <v>19729103</v>
      </c>
      <c r="BE24" s="219">
        <v>10215638</v>
      </c>
      <c r="BF24" s="219">
        <v>3465003</v>
      </c>
      <c r="BG24" s="673">
        <v>33409744</v>
      </c>
      <c r="BH24" s="688">
        <v>30178</v>
      </c>
      <c r="BI24" s="673">
        <v>17015564</v>
      </c>
      <c r="BJ24" s="674">
        <v>50425308</v>
      </c>
      <c r="BK24" s="675">
        <v>18</v>
      </c>
      <c r="BL24" s="115" t="s">
        <v>18</v>
      </c>
      <c r="BM24" s="706">
        <v>2307</v>
      </c>
      <c r="BN24" s="222"/>
      <c r="BO24" s="671">
        <v>544</v>
      </c>
      <c r="BP24" s="222"/>
      <c r="BQ24" s="71">
        <v>248</v>
      </c>
      <c r="BR24" s="222"/>
      <c r="BS24" s="671">
        <v>200</v>
      </c>
      <c r="BT24" s="219">
        <v>992</v>
      </c>
      <c r="BU24" s="219">
        <v>2708</v>
      </c>
      <c r="BV24" s="222"/>
      <c r="BW24" s="671">
        <v>580</v>
      </c>
      <c r="BX24" s="222"/>
      <c r="BY24" s="671">
        <v>304</v>
      </c>
      <c r="BZ24" s="222"/>
      <c r="CA24" s="671">
        <v>246</v>
      </c>
      <c r="CB24" s="219">
        <v>1130</v>
      </c>
      <c r="CC24" s="686">
        <v>0.23580000000000001</v>
      </c>
      <c r="CD24" s="686">
        <v>0.1075</v>
      </c>
      <c r="CE24" s="686">
        <v>8.6699999999999999E-2</v>
      </c>
      <c r="CF24" s="687">
        <v>0.43</v>
      </c>
      <c r="CG24" s="675">
        <v>18</v>
      </c>
      <c r="CH24" s="115" t="s">
        <v>18</v>
      </c>
      <c r="CI24" s="219">
        <v>8676724</v>
      </c>
      <c r="CJ24" s="219">
        <v>3087280</v>
      </c>
      <c r="CK24" s="219">
        <v>998116</v>
      </c>
      <c r="CL24" s="673">
        <v>12762120</v>
      </c>
      <c r="CM24" s="688">
        <v>34462</v>
      </c>
      <c r="CN24" s="673">
        <v>5566992</v>
      </c>
      <c r="CO24" s="674">
        <v>18329112</v>
      </c>
    </row>
    <row r="25" spans="1:94" s="216" customFormat="1" ht="15" customHeight="1" x14ac:dyDescent="0.15">
      <c r="A25" s="675">
        <v>19</v>
      </c>
      <c r="B25" s="115" t="s">
        <v>20</v>
      </c>
      <c r="C25" s="219">
        <v>4883</v>
      </c>
      <c r="D25" s="222"/>
      <c r="E25" s="671">
        <v>1161</v>
      </c>
      <c r="F25" s="222"/>
      <c r="G25" s="71">
        <v>542</v>
      </c>
      <c r="H25" s="222"/>
      <c r="I25" s="671">
        <v>546</v>
      </c>
      <c r="J25" s="219">
        <v>2249</v>
      </c>
      <c r="K25" s="219">
        <v>7902</v>
      </c>
      <c r="L25" s="222"/>
      <c r="M25" s="671">
        <v>1566</v>
      </c>
      <c r="N25" s="222"/>
      <c r="O25" s="671">
        <v>1041</v>
      </c>
      <c r="P25" s="222"/>
      <c r="Q25" s="671">
        <v>980</v>
      </c>
      <c r="R25" s="219">
        <v>3587</v>
      </c>
      <c r="S25" s="686">
        <v>0.23780000000000001</v>
      </c>
      <c r="T25" s="686">
        <v>0.111</v>
      </c>
      <c r="U25" s="686">
        <v>0.1118</v>
      </c>
      <c r="V25" s="687">
        <v>0.46060000000000001</v>
      </c>
      <c r="W25" s="675">
        <v>19</v>
      </c>
      <c r="X25" s="115" t="s">
        <v>20</v>
      </c>
      <c r="Y25" s="672">
        <v>34670306</v>
      </c>
      <c r="Z25" s="672">
        <v>14273253</v>
      </c>
      <c r="AA25" s="672">
        <v>5455625</v>
      </c>
      <c r="AB25" s="673">
        <v>54399184</v>
      </c>
      <c r="AC25" s="688">
        <v>67711</v>
      </c>
      <c r="AD25" s="673">
        <v>34399896</v>
      </c>
      <c r="AE25" s="674">
        <v>88799080</v>
      </c>
      <c r="AF25" s="675">
        <v>19</v>
      </c>
      <c r="AG25" s="115" t="s">
        <v>20</v>
      </c>
      <c r="AH25" s="219">
        <v>4883</v>
      </c>
      <c r="AI25" s="222"/>
      <c r="AJ25" s="671">
        <v>1161</v>
      </c>
      <c r="AK25" s="222"/>
      <c r="AL25" s="71">
        <v>542</v>
      </c>
      <c r="AM25" s="222"/>
      <c r="AN25" s="671">
        <v>546</v>
      </c>
      <c r="AO25" s="219">
        <v>2249</v>
      </c>
      <c r="AP25" s="219">
        <v>7902</v>
      </c>
      <c r="AQ25" s="222"/>
      <c r="AR25" s="671">
        <v>1549</v>
      </c>
      <c r="AS25" s="222"/>
      <c r="AT25" s="671">
        <v>982</v>
      </c>
      <c r="AU25" s="222"/>
      <c r="AV25" s="671">
        <v>969</v>
      </c>
      <c r="AW25" s="219">
        <v>3500</v>
      </c>
      <c r="AX25" s="686">
        <v>0.23780000000000001</v>
      </c>
      <c r="AY25" s="686">
        <v>0.111</v>
      </c>
      <c r="AZ25" s="686">
        <v>0.1118</v>
      </c>
      <c r="BA25" s="687">
        <v>0.46060000000000001</v>
      </c>
      <c r="BB25" s="675">
        <v>19</v>
      </c>
      <c r="BC25" s="115" t="s">
        <v>20</v>
      </c>
      <c r="BD25" s="219">
        <v>15250206</v>
      </c>
      <c r="BE25" s="219">
        <v>6303003</v>
      </c>
      <c r="BF25" s="219">
        <v>2408125</v>
      </c>
      <c r="BG25" s="673">
        <v>23961334</v>
      </c>
      <c r="BH25" s="688">
        <v>30027</v>
      </c>
      <c r="BI25" s="673">
        <v>15254917</v>
      </c>
      <c r="BJ25" s="674">
        <v>39216251</v>
      </c>
      <c r="BK25" s="675">
        <v>19</v>
      </c>
      <c r="BL25" s="115" t="s">
        <v>20</v>
      </c>
      <c r="BM25" s="706">
        <v>2307</v>
      </c>
      <c r="BN25" s="222"/>
      <c r="BO25" s="671">
        <v>540</v>
      </c>
      <c r="BP25" s="222"/>
      <c r="BQ25" s="71">
        <v>267</v>
      </c>
      <c r="BR25" s="222"/>
      <c r="BS25" s="671">
        <v>219</v>
      </c>
      <c r="BT25" s="219">
        <v>1026</v>
      </c>
      <c r="BU25" s="219">
        <v>2814</v>
      </c>
      <c r="BV25" s="222"/>
      <c r="BW25" s="671">
        <v>595</v>
      </c>
      <c r="BX25" s="222"/>
      <c r="BY25" s="671">
        <v>333</v>
      </c>
      <c r="BZ25" s="222"/>
      <c r="CA25" s="671">
        <v>269</v>
      </c>
      <c r="CB25" s="219">
        <v>1197</v>
      </c>
      <c r="CC25" s="686">
        <v>0.2341</v>
      </c>
      <c r="CD25" s="686">
        <v>0.1157</v>
      </c>
      <c r="CE25" s="686">
        <v>9.4899999999999998E-2</v>
      </c>
      <c r="CF25" s="687">
        <v>0.44469999999999998</v>
      </c>
      <c r="CG25" s="675">
        <v>19</v>
      </c>
      <c r="CH25" s="115" t="s">
        <v>20</v>
      </c>
      <c r="CI25" s="219">
        <v>5997950</v>
      </c>
      <c r="CJ25" s="219">
        <v>2302650</v>
      </c>
      <c r="CK25" s="219">
        <v>747620</v>
      </c>
      <c r="CL25" s="673">
        <v>9048220</v>
      </c>
      <c r="CM25" s="688">
        <v>34712</v>
      </c>
      <c r="CN25" s="673">
        <v>5930198</v>
      </c>
      <c r="CO25" s="674">
        <v>14978418</v>
      </c>
    </row>
    <row r="26" spans="1:94" s="216" customFormat="1" ht="15" customHeight="1" x14ac:dyDescent="0.15">
      <c r="A26" s="675">
        <v>20</v>
      </c>
      <c r="B26" s="115" t="s">
        <v>21</v>
      </c>
      <c r="C26" s="219">
        <v>6689</v>
      </c>
      <c r="D26" s="220"/>
      <c r="E26" s="671">
        <v>1534</v>
      </c>
      <c r="F26" s="220"/>
      <c r="G26" s="71">
        <v>834</v>
      </c>
      <c r="H26" s="221"/>
      <c r="I26" s="671">
        <v>866</v>
      </c>
      <c r="J26" s="219">
        <v>3234</v>
      </c>
      <c r="K26" s="219">
        <v>10746</v>
      </c>
      <c r="L26" s="220"/>
      <c r="M26" s="671">
        <v>2040</v>
      </c>
      <c r="N26" s="220"/>
      <c r="O26" s="671">
        <v>1485</v>
      </c>
      <c r="P26" s="221"/>
      <c r="Q26" s="671">
        <v>1543</v>
      </c>
      <c r="R26" s="219">
        <v>5068</v>
      </c>
      <c r="S26" s="686">
        <v>0.2293</v>
      </c>
      <c r="T26" s="686">
        <v>0.12470000000000001</v>
      </c>
      <c r="U26" s="686">
        <v>0.1295</v>
      </c>
      <c r="V26" s="687">
        <v>0.48349999999999999</v>
      </c>
      <c r="W26" s="675">
        <v>20</v>
      </c>
      <c r="X26" s="115" t="s">
        <v>21</v>
      </c>
      <c r="Y26" s="672">
        <v>52977126</v>
      </c>
      <c r="Z26" s="672">
        <v>24159610</v>
      </c>
      <c r="AA26" s="672">
        <v>9993560</v>
      </c>
      <c r="AB26" s="673">
        <v>87130296</v>
      </c>
      <c r="AC26" s="688">
        <v>70205</v>
      </c>
      <c r="AD26" s="673">
        <v>50160771</v>
      </c>
      <c r="AE26" s="674">
        <v>137291067</v>
      </c>
      <c r="AF26" s="675">
        <v>20</v>
      </c>
      <c r="AG26" s="115" t="s">
        <v>21</v>
      </c>
      <c r="AH26" s="219">
        <v>6689</v>
      </c>
      <c r="AI26" s="220"/>
      <c r="AJ26" s="671">
        <v>1534</v>
      </c>
      <c r="AK26" s="220"/>
      <c r="AL26" s="71">
        <v>834</v>
      </c>
      <c r="AM26" s="221"/>
      <c r="AN26" s="671">
        <v>866</v>
      </c>
      <c r="AO26" s="219">
        <v>3234</v>
      </c>
      <c r="AP26" s="219">
        <v>10746</v>
      </c>
      <c r="AQ26" s="220"/>
      <c r="AR26" s="671">
        <v>2059</v>
      </c>
      <c r="AS26" s="220"/>
      <c r="AT26" s="671">
        <v>1476</v>
      </c>
      <c r="AU26" s="221"/>
      <c r="AV26" s="671">
        <v>1609</v>
      </c>
      <c r="AW26" s="219">
        <v>5144</v>
      </c>
      <c r="AX26" s="686">
        <v>0.2293</v>
      </c>
      <c r="AY26" s="686">
        <v>0.12470000000000001</v>
      </c>
      <c r="AZ26" s="686">
        <v>0.1295</v>
      </c>
      <c r="BA26" s="687">
        <v>0.48349999999999999</v>
      </c>
      <c r="BB26" s="675">
        <v>20</v>
      </c>
      <c r="BC26" s="115" t="s">
        <v>21</v>
      </c>
      <c r="BD26" s="219">
        <v>27594000</v>
      </c>
      <c r="BE26" s="219">
        <v>12548250</v>
      </c>
      <c r="BF26" s="219">
        <v>5189980</v>
      </c>
      <c r="BG26" s="673">
        <v>45332230</v>
      </c>
      <c r="BH26" s="688">
        <v>35168</v>
      </c>
      <c r="BI26" s="673">
        <v>25127184</v>
      </c>
      <c r="BJ26" s="674">
        <v>70459414</v>
      </c>
      <c r="BK26" s="675">
        <v>20</v>
      </c>
      <c r="BL26" s="115" t="s">
        <v>21</v>
      </c>
      <c r="BM26" s="706">
        <v>2727</v>
      </c>
      <c r="BN26" s="220"/>
      <c r="BO26" s="671">
        <v>648</v>
      </c>
      <c r="BP26" s="220"/>
      <c r="BQ26" s="71">
        <v>299</v>
      </c>
      <c r="BR26" s="221"/>
      <c r="BS26" s="671">
        <v>272</v>
      </c>
      <c r="BT26" s="219">
        <v>1219</v>
      </c>
      <c r="BU26" s="219">
        <v>3223</v>
      </c>
      <c r="BV26" s="220"/>
      <c r="BW26" s="671">
        <v>718</v>
      </c>
      <c r="BX26" s="220"/>
      <c r="BY26" s="671">
        <v>352</v>
      </c>
      <c r="BZ26" s="221"/>
      <c r="CA26" s="671">
        <v>317</v>
      </c>
      <c r="CB26" s="219">
        <v>1387</v>
      </c>
      <c r="CC26" s="686">
        <v>0.23760000000000001</v>
      </c>
      <c r="CD26" s="686">
        <v>0.1096</v>
      </c>
      <c r="CE26" s="686">
        <v>9.9699999999999997E-2</v>
      </c>
      <c r="CF26" s="687">
        <v>0.44700000000000001</v>
      </c>
      <c r="CG26" s="675">
        <v>20</v>
      </c>
      <c r="CH26" s="115" t="s">
        <v>21</v>
      </c>
      <c r="CI26" s="219">
        <v>8990660</v>
      </c>
      <c r="CJ26" s="219">
        <v>3080150</v>
      </c>
      <c r="CK26" s="219">
        <v>1113540</v>
      </c>
      <c r="CL26" s="673">
        <v>13184350</v>
      </c>
      <c r="CM26" s="688">
        <v>34756</v>
      </c>
      <c r="CN26" s="673">
        <v>6888292</v>
      </c>
      <c r="CO26" s="674">
        <v>20072642</v>
      </c>
    </row>
    <row r="27" spans="1:94" s="216" customFormat="1" ht="15" customHeight="1" x14ac:dyDescent="0.15">
      <c r="A27" s="675">
        <v>21</v>
      </c>
      <c r="B27" s="115" t="s">
        <v>19</v>
      </c>
      <c r="C27" s="219">
        <v>12333</v>
      </c>
      <c r="D27" s="220"/>
      <c r="E27" s="671">
        <v>2812</v>
      </c>
      <c r="F27" s="220"/>
      <c r="G27" s="71">
        <v>1459</v>
      </c>
      <c r="H27" s="221"/>
      <c r="I27" s="671">
        <v>1555</v>
      </c>
      <c r="J27" s="219">
        <v>5826</v>
      </c>
      <c r="K27" s="219">
        <v>19648</v>
      </c>
      <c r="L27" s="220"/>
      <c r="M27" s="671">
        <v>3704</v>
      </c>
      <c r="N27" s="220"/>
      <c r="O27" s="671">
        <v>2632</v>
      </c>
      <c r="P27" s="221"/>
      <c r="Q27" s="671">
        <v>2850</v>
      </c>
      <c r="R27" s="219">
        <v>9186</v>
      </c>
      <c r="S27" s="686">
        <v>0.22800000000000001</v>
      </c>
      <c r="T27" s="686">
        <v>0.1183</v>
      </c>
      <c r="U27" s="686">
        <v>0.12609999999999999</v>
      </c>
      <c r="V27" s="687">
        <v>0.47239999999999999</v>
      </c>
      <c r="W27" s="675">
        <v>21</v>
      </c>
      <c r="X27" s="115" t="s">
        <v>19</v>
      </c>
      <c r="Y27" s="672">
        <v>80388000</v>
      </c>
      <c r="Z27" s="672">
        <v>34850400</v>
      </c>
      <c r="AA27" s="672">
        <v>14875200</v>
      </c>
      <c r="AB27" s="673">
        <v>130113600</v>
      </c>
      <c r="AC27" s="688">
        <v>65085</v>
      </c>
      <c r="AD27" s="673">
        <v>84257740</v>
      </c>
      <c r="AE27" s="674">
        <v>214371340</v>
      </c>
      <c r="AF27" s="675">
        <v>21</v>
      </c>
      <c r="AG27" s="115" t="s">
        <v>19</v>
      </c>
      <c r="AH27" s="219">
        <v>12333</v>
      </c>
      <c r="AI27" s="220"/>
      <c r="AJ27" s="671">
        <v>2812</v>
      </c>
      <c r="AK27" s="220"/>
      <c r="AL27" s="71">
        <v>1459</v>
      </c>
      <c r="AM27" s="221"/>
      <c r="AN27" s="671">
        <v>1555</v>
      </c>
      <c r="AO27" s="219">
        <v>5826</v>
      </c>
      <c r="AP27" s="219">
        <v>19648</v>
      </c>
      <c r="AQ27" s="220"/>
      <c r="AR27" s="671">
        <v>3921</v>
      </c>
      <c r="AS27" s="220"/>
      <c r="AT27" s="671">
        <v>2470</v>
      </c>
      <c r="AU27" s="221"/>
      <c r="AV27" s="671">
        <v>3007</v>
      </c>
      <c r="AW27" s="219">
        <v>9398</v>
      </c>
      <c r="AX27" s="686">
        <v>0.22800000000000001</v>
      </c>
      <c r="AY27" s="686">
        <v>0.1183</v>
      </c>
      <c r="AZ27" s="686">
        <v>0.12609999999999999</v>
      </c>
      <c r="BA27" s="687">
        <v>0.47239999999999999</v>
      </c>
      <c r="BB27" s="675">
        <v>21</v>
      </c>
      <c r="BC27" s="115" t="s">
        <v>19</v>
      </c>
      <c r="BD27" s="219">
        <v>31441900</v>
      </c>
      <c r="BE27" s="219">
        <v>13726900</v>
      </c>
      <c r="BF27" s="219">
        <v>5863200</v>
      </c>
      <c r="BG27" s="673">
        <v>51032000</v>
      </c>
      <c r="BH27" s="688">
        <v>23723</v>
      </c>
      <c r="BI27" s="673">
        <v>30711322</v>
      </c>
      <c r="BJ27" s="674">
        <v>81743322</v>
      </c>
      <c r="BK27" s="675">
        <v>21</v>
      </c>
      <c r="BL27" s="115" t="s">
        <v>19</v>
      </c>
      <c r="BM27" s="706">
        <v>4977</v>
      </c>
      <c r="BN27" s="220"/>
      <c r="BO27" s="671">
        <v>1094</v>
      </c>
      <c r="BP27" s="220"/>
      <c r="BQ27" s="71">
        <v>556</v>
      </c>
      <c r="BR27" s="221"/>
      <c r="BS27" s="671">
        <v>489</v>
      </c>
      <c r="BT27" s="219">
        <v>2139</v>
      </c>
      <c r="BU27" s="219">
        <v>5828</v>
      </c>
      <c r="BV27" s="220"/>
      <c r="BW27" s="671">
        <v>1163</v>
      </c>
      <c r="BX27" s="220"/>
      <c r="BY27" s="671">
        <v>670</v>
      </c>
      <c r="BZ27" s="221"/>
      <c r="CA27" s="671">
        <v>574</v>
      </c>
      <c r="CB27" s="219">
        <v>2407</v>
      </c>
      <c r="CC27" s="686">
        <v>0.2198</v>
      </c>
      <c r="CD27" s="686">
        <v>0.11169999999999999</v>
      </c>
      <c r="CE27" s="686">
        <v>9.8299999999999998E-2</v>
      </c>
      <c r="CF27" s="687">
        <v>0.42980000000000002</v>
      </c>
      <c r="CG27" s="675">
        <v>21</v>
      </c>
      <c r="CH27" s="115" t="s">
        <v>19</v>
      </c>
      <c r="CI27" s="219">
        <v>9479400</v>
      </c>
      <c r="CJ27" s="219">
        <v>3678000</v>
      </c>
      <c r="CK27" s="219">
        <v>1275600</v>
      </c>
      <c r="CL27" s="673">
        <v>14433000</v>
      </c>
      <c r="CM27" s="688">
        <v>26940</v>
      </c>
      <c r="CN27" s="673">
        <v>9236918</v>
      </c>
      <c r="CO27" s="674">
        <v>23669918</v>
      </c>
    </row>
    <row r="28" spans="1:94" s="216" customFormat="1" ht="15" customHeight="1" x14ac:dyDescent="0.15">
      <c r="A28" s="675">
        <v>22</v>
      </c>
      <c r="B28" s="115" t="s">
        <v>22</v>
      </c>
      <c r="C28" s="219">
        <v>4986</v>
      </c>
      <c r="D28" s="220"/>
      <c r="E28" s="671">
        <v>1141</v>
      </c>
      <c r="F28" s="220"/>
      <c r="G28" s="71">
        <v>635</v>
      </c>
      <c r="H28" s="221"/>
      <c r="I28" s="671">
        <v>617</v>
      </c>
      <c r="J28" s="219">
        <v>2393</v>
      </c>
      <c r="K28" s="219">
        <v>7718</v>
      </c>
      <c r="L28" s="220"/>
      <c r="M28" s="671">
        <v>1437</v>
      </c>
      <c r="N28" s="220"/>
      <c r="O28" s="671">
        <v>1073</v>
      </c>
      <c r="P28" s="221"/>
      <c r="Q28" s="671">
        <v>1054</v>
      </c>
      <c r="R28" s="219">
        <v>3564</v>
      </c>
      <c r="S28" s="686">
        <v>0.2288</v>
      </c>
      <c r="T28" s="686">
        <v>0.12740000000000001</v>
      </c>
      <c r="U28" s="686">
        <v>0.1237</v>
      </c>
      <c r="V28" s="687">
        <v>0.47989999999999999</v>
      </c>
      <c r="W28" s="675">
        <v>22</v>
      </c>
      <c r="X28" s="115" t="s">
        <v>22</v>
      </c>
      <c r="Y28" s="672">
        <v>41038725</v>
      </c>
      <c r="Z28" s="672">
        <v>19234250</v>
      </c>
      <c r="AA28" s="672">
        <v>7473550</v>
      </c>
      <c r="AB28" s="673">
        <v>67746525</v>
      </c>
      <c r="AC28" s="688">
        <v>79228</v>
      </c>
      <c r="AD28" s="673">
        <v>39835046</v>
      </c>
      <c r="AE28" s="674">
        <v>107581571</v>
      </c>
      <c r="AF28" s="675">
        <v>22</v>
      </c>
      <c r="AG28" s="115" t="s">
        <v>22</v>
      </c>
      <c r="AH28" s="219">
        <v>4986</v>
      </c>
      <c r="AI28" s="220"/>
      <c r="AJ28" s="671">
        <v>1141</v>
      </c>
      <c r="AK28" s="220"/>
      <c r="AL28" s="71">
        <v>635</v>
      </c>
      <c r="AM28" s="221"/>
      <c r="AN28" s="671">
        <v>617</v>
      </c>
      <c r="AO28" s="219">
        <v>2393</v>
      </c>
      <c r="AP28" s="219">
        <v>7718</v>
      </c>
      <c r="AQ28" s="220"/>
      <c r="AR28" s="671">
        <v>1385</v>
      </c>
      <c r="AS28" s="220"/>
      <c r="AT28" s="671">
        <v>1143</v>
      </c>
      <c r="AU28" s="221"/>
      <c r="AV28" s="671">
        <v>1233</v>
      </c>
      <c r="AW28" s="219">
        <v>3761</v>
      </c>
      <c r="AX28" s="686">
        <v>0.2288</v>
      </c>
      <c r="AY28" s="686">
        <v>0.12740000000000001</v>
      </c>
      <c r="AZ28" s="686">
        <v>0.1237</v>
      </c>
      <c r="BA28" s="687">
        <v>0.47989999999999999</v>
      </c>
      <c r="BB28" s="675">
        <v>22</v>
      </c>
      <c r="BC28" s="115" t="s">
        <v>22</v>
      </c>
      <c r="BD28" s="219">
        <v>13076700</v>
      </c>
      <c r="BE28" s="219">
        <v>6974500</v>
      </c>
      <c r="BF28" s="219">
        <v>2740400</v>
      </c>
      <c r="BG28" s="673">
        <v>22791600</v>
      </c>
      <c r="BH28" s="688">
        <v>30845</v>
      </c>
      <c r="BI28" s="673">
        <v>15508558</v>
      </c>
      <c r="BJ28" s="674">
        <v>38300158</v>
      </c>
      <c r="BK28" s="675">
        <v>22</v>
      </c>
      <c r="BL28" s="115" t="s">
        <v>22</v>
      </c>
      <c r="BM28" s="706">
        <v>2015</v>
      </c>
      <c r="BN28" s="220"/>
      <c r="BO28" s="671">
        <v>489</v>
      </c>
      <c r="BP28" s="220"/>
      <c r="BQ28" s="71">
        <v>226</v>
      </c>
      <c r="BR28" s="221"/>
      <c r="BS28" s="671">
        <v>183</v>
      </c>
      <c r="BT28" s="219">
        <v>898</v>
      </c>
      <c r="BU28" s="219">
        <v>2362</v>
      </c>
      <c r="BV28" s="220"/>
      <c r="BW28" s="671">
        <v>530</v>
      </c>
      <c r="BX28" s="220"/>
      <c r="BY28" s="671">
        <v>271</v>
      </c>
      <c r="BZ28" s="221"/>
      <c r="CA28" s="671">
        <v>221</v>
      </c>
      <c r="CB28" s="219">
        <v>1022</v>
      </c>
      <c r="CC28" s="686">
        <v>0.2427</v>
      </c>
      <c r="CD28" s="686">
        <v>0.11219999999999999</v>
      </c>
      <c r="CE28" s="686">
        <v>9.0800000000000006E-2</v>
      </c>
      <c r="CF28" s="687">
        <v>0.44569999999999999</v>
      </c>
      <c r="CG28" s="675">
        <v>22</v>
      </c>
      <c r="CH28" s="115" t="s">
        <v>22</v>
      </c>
      <c r="CI28" s="219">
        <v>4452000</v>
      </c>
      <c r="CJ28" s="219">
        <v>1626000</v>
      </c>
      <c r="CK28" s="219">
        <v>530400</v>
      </c>
      <c r="CL28" s="673">
        <v>6608400</v>
      </c>
      <c r="CM28" s="688">
        <v>29336</v>
      </c>
      <c r="CN28" s="673">
        <v>4288043</v>
      </c>
      <c r="CO28" s="674">
        <v>10896443</v>
      </c>
    </row>
    <row r="29" spans="1:94" s="216" customFormat="1" ht="15" customHeight="1" x14ac:dyDescent="0.15">
      <c r="A29" s="675">
        <v>23</v>
      </c>
      <c r="B29" s="115" t="s">
        <v>23</v>
      </c>
      <c r="C29" s="219">
        <v>4224</v>
      </c>
      <c r="D29" s="220"/>
      <c r="E29" s="671">
        <v>877</v>
      </c>
      <c r="F29" s="220"/>
      <c r="G29" s="71">
        <v>501</v>
      </c>
      <c r="H29" s="221"/>
      <c r="I29" s="671">
        <v>589</v>
      </c>
      <c r="J29" s="219">
        <v>1967</v>
      </c>
      <c r="K29" s="219">
        <v>6523</v>
      </c>
      <c r="L29" s="220"/>
      <c r="M29" s="671">
        <v>1139</v>
      </c>
      <c r="N29" s="220"/>
      <c r="O29" s="671">
        <v>894</v>
      </c>
      <c r="P29" s="221"/>
      <c r="Q29" s="671">
        <v>996</v>
      </c>
      <c r="R29" s="219">
        <v>3029</v>
      </c>
      <c r="S29" s="686">
        <v>0.20760000000000001</v>
      </c>
      <c r="T29" s="686">
        <v>0.1186</v>
      </c>
      <c r="U29" s="686">
        <v>0.1394</v>
      </c>
      <c r="V29" s="687">
        <v>0.4657</v>
      </c>
      <c r="W29" s="675">
        <v>23</v>
      </c>
      <c r="X29" s="115" t="s">
        <v>23</v>
      </c>
      <c r="Y29" s="672">
        <v>36964731</v>
      </c>
      <c r="Z29" s="672">
        <v>17931373</v>
      </c>
      <c r="AA29" s="672">
        <v>8010213</v>
      </c>
      <c r="AB29" s="673">
        <v>62906317</v>
      </c>
      <c r="AC29" s="688">
        <v>84673</v>
      </c>
      <c r="AD29" s="673">
        <v>36027515</v>
      </c>
      <c r="AE29" s="674">
        <v>98933832</v>
      </c>
      <c r="AF29" s="675">
        <v>23</v>
      </c>
      <c r="AG29" s="115" t="s">
        <v>23</v>
      </c>
      <c r="AH29" s="219">
        <v>4224</v>
      </c>
      <c r="AI29" s="220"/>
      <c r="AJ29" s="671">
        <v>877</v>
      </c>
      <c r="AK29" s="220"/>
      <c r="AL29" s="71">
        <v>501</v>
      </c>
      <c r="AM29" s="221"/>
      <c r="AN29" s="671">
        <v>589</v>
      </c>
      <c r="AO29" s="219">
        <v>1967</v>
      </c>
      <c r="AP29" s="219">
        <v>6523</v>
      </c>
      <c r="AQ29" s="220"/>
      <c r="AR29" s="671">
        <v>1204</v>
      </c>
      <c r="AS29" s="220"/>
      <c r="AT29" s="671">
        <v>908</v>
      </c>
      <c r="AU29" s="221"/>
      <c r="AV29" s="671">
        <v>994</v>
      </c>
      <c r="AW29" s="219">
        <v>3106</v>
      </c>
      <c r="AX29" s="686">
        <v>0.20760000000000001</v>
      </c>
      <c r="AY29" s="686">
        <v>0.1186</v>
      </c>
      <c r="AZ29" s="686">
        <v>0.1394</v>
      </c>
      <c r="BA29" s="687">
        <v>0.4657</v>
      </c>
      <c r="BB29" s="675">
        <v>23</v>
      </c>
      <c r="BC29" s="115" t="s">
        <v>23</v>
      </c>
      <c r="BD29" s="219">
        <v>12471238</v>
      </c>
      <c r="BE29" s="219">
        <v>6161516</v>
      </c>
      <c r="BF29" s="219">
        <v>2752215</v>
      </c>
      <c r="BG29" s="673">
        <v>21384969</v>
      </c>
      <c r="BH29" s="688">
        <v>28878</v>
      </c>
      <c r="BI29" s="673">
        <v>12287299</v>
      </c>
      <c r="BJ29" s="674">
        <v>33672268</v>
      </c>
      <c r="BK29" s="675">
        <v>23</v>
      </c>
      <c r="BL29" s="115" t="s">
        <v>23</v>
      </c>
      <c r="BM29" s="706">
        <v>1748</v>
      </c>
      <c r="BN29" s="220"/>
      <c r="BO29" s="671">
        <v>350</v>
      </c>
      <c r="BP29" s="220"/>
      <c r="BQ29" s="71">
        <v>212</v>
      </c>
      <c r="BR29" s="221"/>
      <c r="BS29" s="671">
        <v>184</v>
      </c>
      <c r="BT29" s="219">
        <v>746</v>
      </c>
      <c r="BU29" s="219">
        <v>2029</v>
      </c>
      <c r="BV29" s="220"/>
      <c r="BW29" s="671">
        <v>375</v>
      </c>
      <c r="BX29" s="220"/>
      <c r="BY29" s="671">
        <v>249</v>
      </c>
      <c r="BZ29" s="221"/>
      <c r="CA29" s="671">
        <v>215</v>
      </c>
      <c r="CB29" s="219">
        <v>839</v>
      </c>
      <c r="CC29" s="686">
        <v>0.20019999999999999</v>
      </c>
      <c r="CD29" s="686">
        <v>0.12130000000000001</v>
      </c>
      <c r="CE29" s="686">
        <v>0.1053</v>
      </c>
      <c r="CF29" s="687">
        <v>0.42680000000000001</v>
      </c>
      <c r="CG29" s="675">
        <v>23</v>
      </c>
      <c r="CH29" s="115" t="s">
        <v>23</v>
      </c>
      <c r="CI29" s="219">
        <v>4419000</v>
      </c>
      <c r="CJ29" s="219">
        <v>2095833</v>
      </c>
      <c r="CK29" s="219">
        <v>723905</v>
      </c>
      <c r="CL29" s="673">
        <v>7238738</v>
      </c>
      <c r="CM29" s="688">
        <v>30834</v>
      </c>
      <c r="CN29" s="673">
        <v>3671096</v>
      </c>
      <c r="CO29" s="674">
        <v>10909834</v>
      </c>
    </row>
    <row r="30" spans="1:94" s="216" customFormat="1" ht="15" customHeight="1" x14ac:dyDescent="0.15">
      <c r="A30" s="675">
        <v>24</v>
      </c>
      <c r="B30" s="65" t="s">
        <v>24</v>
      </c>
      <c r="C30" s="77">
        <v>1467</v>
      </c>
      <c r="D30" s="73"/>
      <c r="E30" s="669">
        <v>304</v>
      </c>
      <c r="F30" s="73"/>
      <c r="G30" s="72">
        <v>182</v>
      </c>
      <c r="H30" s="70"/>
      <c r="I30" s="316">
        <v>221</v>
      </c>
      <c r="J30" s="77">
        <v>707</v>
      </c>
      <c r="K30" s="77">
        <v>2434</v>
      </c>
      <c r="L30" s="73"/>
      <c r="M30" s="317">
        <v>391</v>
      </c>
      <c r="N30" s="320"/>
      <c r="O30" s="316">
        <v>327</v>
      </c>
      <c r="P30" s="321"/>
      <c r="Q30" s="316">
        <v>431</v>
      </c>
      <c r="R30" s="318">
        <v>1149</v>
      </c>
      <c r="S30" s="662">
        <v>0.2072</v>
      </c>
      <c r="T30" s="663">
        <v>0.1241</v>
      </c>
      <c r="U30" s="664">
        <v>0.15060000000000001</v>
      </c>
      <c r="V30" s="665">
        <v>0.4819</v>
      </c>
      <c r="W30" s="675">
        <v>24</v>
      </c>
      <c r="X30" s="65" t="s">
        <v>24</v>
      </c>
      <c r="Y30" s="667">
        <v>11040540</v>
      </c>
      <c r="Z30" s="667">
        <v>5654200</v>
      </c>
      <c r="AA30" s="667">
        <v>2874290</v>
      </c>
      <c r="AB30" s="319">
        <v>19569030</v>
      </c>
      <c r="AC30" s="319">
        <v>78598</v>
      </c>
      <c r="AD30" s="319">
        <v>12611835</v>
      </c>
      <c r="AE30" s="668">
        <v>32180865</v>
      </c>
      <c r="AF30" s="675">
        <v>24</v>
      </c>
      <c r="AG30" s="65" t="s">
        <v>24</v>
      </c>
      <c r="AH30" s="316">
        <v>1467</v>
      </c>
      <c r="AI30" s="320"/>
      <c r="AJ30" s="669">
        <v>304</v>
      </c>
      <c r="AK30" s="73"/>
      <c r="AL30" s="72">
        <v>182</v>
      </c>
      <c r="AM30" s="70"/>
      <c r="AN30" s="316">
        <v>221</v>
      </c>
      <c r="AO30" s="77">
        <v>707</v>
      </c>
      <c r="AP30" s="77">
        <v>2434</v>
      </c>
      <c r="AQ30" s="73"/>
      <c r="AR30" s="317">
        <v>377</v>
      </c>
      <c r="AS30" s="320"/>
      <c r="AT30" s="316">
        <v>364</v>
      </c>
      <c r="AU30" s="321"/>
      <c r="AV30" s="316">
        <v>348</v>
      </c>
      <c r="AW30" s="318">
        <v>1089</v>
      </c>
      <c r="AX30" s="662">
        <v>0.2072</v>
      </c>
      <c r="AY30" s="662">
        <v>0.1241</v>
      </c>
      <c r="AZ30" s="664">
        <v>0.15060000000000001</v>
      </c>
      <c r="BA30" s="665">
        <v>0.4819</v>
      </c>
      <c r="BB30" s="675">
        <v>24</v>
      </c>
      <c r="BC30" s="65" t="s">
        <v>24</v>
      </c>
      <c r="BD30" s="77">
        <v>2948610</v>
      </c>
      <c r="BE30" s="77">
        <v>1535550</v>
      </c>
      <c r="BF30" s="77">
        <v>783960</v>
      </c>
      <c r="BG30" s="319">
        <v>5268120</v>
      </c>
      <c r="BH30" s="319">
        <v>19848</v>
      </c>
      <c r="BI30" s="319">
        <v>3184809</v>
      </c>
      <c r="BJ30" s="668">
        <v>8452929</v>
      </c>
      <c r="BK30" s="675">
        <v>24</v>
      </c>
      <c r="BL30" s="65" t="s">
        <v>24</v>
      </c>
      <c r="BM30" s="316">
        <v>562</v>
      </c>
      <c r="BN30" s="320"/>
      <c r="BO30" s="669">
        <v>120</v>
      </c>
      <c r="BP30" s="73"/>
      <c r="BQ30" s="72">
        <v>52</v>
      </c>
      <c r="BR30" s="70"/>
      <c r="BS30" s="316">
        <v>73</v>
      </c>
      <c r="BT30" s="77">
        <v>245</v>
      </c>
      <c r="BU30" s="77">
        <v>682</v>
      </c>
      <c r="BV30" s="73"/>
      <c r="BW30" s="317">
        <v>131</v>
      </c>
      <c r="BX30" s="320"/>
      <c r="BY30" s="316">
        <v>65</v>
      </c>
      <c r="BZ30" s="321"/>
      <c r="CA30" s="316">
        <v>90</v>
      </c>
      <c r="CB30" s="318">
        <v>286</v>
      </c>
      <c r="CC30" s="662">
        <v>0.2135</v>
      </c>
      <c r="CD30" s="662">
        <v>9.2499999999999999E-2</v>
      </c>
      <c r="CE30" s="664">
        <v>0.12989999999999999</v>
      </c>
      <c r="CF30" s="665">
        <v>0.43590000000000001</v>
      </c>
      <c r="CG30" s="675">
        <v>24</v>
      </c>
      <c r="CH30" s="65" t="s">
        <v>24</v>
      </c>
      <c r="CI30" s="77">
        <v>1349110</v>
      </c>
      <c r="CJ30" s="77">
        <v>451750</v>
      </c>
      <c r="CK30" s="77">
        <v>251600</v>
      </c>
      <c r="CL30" s="319">
        <v>2052460</v>
      </c>
      <c r="CM30" s="319">
        <v>29020</v>
      </c>
      <c r="CN30" s="319">
        <v>1173859</v>
      </c>
      <c r="CO30" s="668">
        <v>3226319</v>
      </c>
    </row>
    <row r="31" spans="1:94" s="216" customFormat="1" ht="15" customHeight="1" x14ac:dyDescent="0.15">
      <c r="A31" s="675">
        <v>25</v>
      </c>
      <c r="B31" s="65" t="s">
        <v>25</v>
      </c>
      <c r="C31" s="77">
        <v>2330</v>
      </c>
      <c r="D31" s="73"/>
      <c r="E31" s="671">
        <v>470</v>
      </c>
      <c r="F31" s="73"/>
      <c r="G31" s="72">
        <v>313</v>
      </c>
      <c r="H31" s="70"/>
      <c r="I31" s="316">
        <v>297</v>
      </c>
      <c r="J31" s="77">
        <v>1080</v>
      </c>
      <c r="K31" s="77">
        <v>3782</v>
      </c>
      <c r="L31" s="73"/>
      <c r="M31" s="670">
        <v>642</v>
      </c>
      <c r="N31" s="320"/>
      <c r="O31" s="671">
        <v>563</v>
      </c>
      <c r="P31" s="321"/>
      <c r="Q31" s="316">
        <v>508</v>
      </c>
      <c r="R31" s="318">
        <v>1713</v>
      </c>
      <c r="S31" s="662">
        <v>0.20169999999999999</v>
      </c>
      <c r="T31" s="663">
        <v>0.1343</v>
      </c>
      <c r="U31" s="664">
        <v>0.1275</v>
      </c>
      <c r="V31" s="665">
        <v>0.46350000000000002</v>
      </c>
      <c r="W31" s="675">
        <v>25</v>
      </c>
      <c r="X31" s="65" t="s">
        <v>25</v>
      </c>
      <c r="Y31" s="672">
        <v>14361378</v>
      </c>
      <c r="Z31" s="672">
        <v>7870127</v>
      </c>
      <c r="AA31" s="672">
        <v>2856450</v>
      </c>
      <c r="AB31" s="319">
        <v>25087955</v>
      </c>
      <c r="AC31" s="673">
        <v>51537</v>
      </c>
      <c r="AD31" s="673">
        <v>12428662</v>
      </c>
      <c r="AE31" s="674">
        <v>37516617</v>
      </c>
      <c r="AF31" s="675">
        <v>25</v>
      </c>
      <c r="AG31" s="65" t="s">
        <v>25</v>
      </c>
      <c r="AH31" s="316">
        <v>2330</v>
      </c>
      <c r="AI31" s="320"/>
      <c r="AJ31" s="671">
        <v>470</v>
      </c>
      <c r="AK31" s="73"/>
      <c r="AL31" s="72">
        <v>313</v>
      </c>
      <c r="AM31" s="70"/>
      <c r="AN31" s="316">
        <v>297</v>
      </c>
      <c r="AO31" s="77">
        <v>1080</v>
      </c>
      <c r="AP31" s="219">
        <v>3782</v>
      </c>
      <c r="AQ31" s="73"/>
      <c r="AR31" s="670">
        <v>636</v>
      </c>
      <c r="AS31" s="320"/>
      <c r="AT31" s="671">
        <v>606</v>
      </c>
      <c r="AU31" s="321"/>
      <c r="AV31" s="316">
        <v>562</v>
      </c>
      <c r="AW31" s="318">
        <v>1804</v>
      </c>
      <c r="AX31" s="662">
        <v>0.20169999999999999</v>
      </c>
      <c r="AY31" s="662">
        <v>0.1343</v>
      </c>
      <c r="AZ31" s="664">
        <v>0.1275</v>
      </c>
      <c r="BA31" s="665">
        <v>0.46350000000000002</v>
      </c>
      <c r="BB31" s="675">
        <v>25</v>
      </c>
      <c r="BC31" s="65" t="s">
        <v>25</v>
      </c>
      <c r="BD31" s="77">
        <v>5943700</v>
      </c>
      <c r="BE31" s="77">
        <v>3261250</v>
      </c>
      <c r="BF31" s="77">
        <v>1183600</v>
      </c>
      <c r="BG31" s="673">
        <v>10388550</v>
      </c>
      <c r="BH31" s="673">
        <v>26295</v>
      </c>
      <c r="BI31" s="673">
        <v>6341303</v>
      </c>
      <c r="BJ31" s="674">
        <v>16729853</v>
      </c>
      <c r="BK31" s="675">
        <v>25</v>
      </c>
      <c r="BL31" s="65" t="s">
        <v>25</v>
      </c>
      <c r="BM31" s="316">
        <v>945</v>
      </c>
      <c r="BN31" s="320"/>
      <c r="BO31" s="671">
        <v>199</v>
      </c>
      <c r="BP31" s="73"/>
      <c r="BQ31" s="72">
        <v>102</v>
      </c>
      <c r="BR31" s="70"/>
      <c r="BS31" s="316">
        <v>93</v>
      </c>
      <c r="BT31" s="77">
        <v>394</v>
      </c>
      <c r="BU31" s="219">
        <v>1116</v>
      </c>
      <c r="BV31" s="73"/>
      <c r="BW31" s="670">
        <v>222</v>
      </c>
      <c r="BX31" s="320"/>
      <c r="BY31" s="671">
        <v>124</v>
      </c>
      <c r="BZ31" s="321"/>
      <c r="CA31" s="316">
        <v>108</v>
      </c>
      <c r="CB31" s="318">
        <v>454</v>
      </c>
      <c r="CC31" s="662">
        <v>0.21060000000000001</v>
      </c>
      <c r="CD31" s="662">
        <v>0.1079</v>
      </c>
      <c r="CE31" s="664">
        <v>9.8400000000000001E-2</v>
      </c>
      <c r="CF31" s="665">
        <v>0.41689999999999999</v>
      </c>
      <c r="CG31" s="675">
        <v>25</v>
      </c>
      <c r="CH31" s="65" t="s">
        <v>25</v>
      </c>
      <c r="CI31" s="77">
        <v>2001300</v>
      </c>
      <c r="CJ31" s="77">
        <v>771000</v>
      </c>
      <c r="CK31" s="77">
        <v>273600</v>
      </c>
      <c r="CL31" s="673">
        <v>3045900</v>
      </c>
      <c r="CM31" s="673">
        <v>26304</v>
      </c>
      <c r="CN31" s="673">
        <v>1701868</v>
      </c>
      <c r="CO31" s="674">
        <v>4747768</v>
      </c>
      <c r="CP31" s="26"/>
    </row>
    <row r="32" spans="1:94" s="216" customFormat="1" ht="15" customHeight="1" x14ac:dyDescent="0.15">
      <c r="A32" s="33">
        <v>26</v>
      </c>
      <c r="B32" s="65" t="s">
        <v>26</v>
      </c>
      <c r="C32" s="77">
        <v>1633</v>
      </c>
      <c r="D32" s="73"/>
      <c r="E32" s="669">
        <v>396</v>
      </c>
      <c r="F32" s="73"/>
      <c r="G32" s="72">
        <v>218</v>
      </c>
      <c r="H32" s="70"/>
      <c r="I32" s="316">
        <v>215</v>
      </c>
      <c r="J32" s="77">
        <v>829</v>
      </c>
      <c r="K32" s="77">
        <v>2516</v>
      </c>
      <c r="L32" s="73"/>
      <c r="M32" s="670">
        <v>507</v>
      </c>
      <c r="N32" s="320"/>
      <c r="O32" s="671">
        <v>357</v>
      </c>
      <c r="P32" s="321"/>
      <c r="Q32" s="316">
        <v>374</v>
      </c>
      <c r="R32" s="318">
        <v>1238</v>
      </c>
      <c r="S32" s="662">
        <v>0.24249999999999999</v>
      </c>
      <c r="T32" s="663">
        <v>0.13350000000000001</v>
      </c>
      <c r="U32" s="664">
        <v>0.13170000000000001</v>
      </c>
      <c r="V32" s="665">
        <v>0.50770000000000004</v>
      </c>
      <c r="W32" s="675">
        <v>26</v>
      </c>
      <c r="X32" s="65" t="s">
        <v>26</v>
      </c>
      <c r="Y32" s="672">
        <v>16926070</v>
      </c>
      <c r="Z32" s="672">
        <v>7572000</v>
      </c>
      <c r="AA32" s="672">
        <v>3116940</v>
      </c>
      <c r="AB32" s="319">
        <v>27615010</v>
      </c>
      <c r="AC32" s="673">
        <v>84280</v>
      </c>
      <c r="AD32" s="673">
        <v>14719502</v>
      </c>
      <c r="AE32" s="674">
        <v>42334512</v>
      </c>
      <c r="AF32" s="675">
        <v>26</v>
      </c>
      <c r="AG32" s="65" t="s">
        <v>26</v>
      </c>
      <c r="AH32" s="316">
        <v>1633</v>
      </c>
      <c r="AI32" s="320"/>
      <c r="AJ32" s="669">
        <v>396</v>
      </c>
      <c r="AK32" s="73"/>
      <c r="AL32" s="72">
        <v>218</v>
      </c>
      <c r="AM32" s="70"/>
      <c r="AN32" s="316">
        <v>215</v>
      </c>
      <c r="AO32" s="77">
        <v>829</v>
      </c>
      <c r="AP32" s="219">
        <v>2516</v>
      </c>
      <c r="AQ32" s="73"/>
      <c r="AR32" s="670">
        <v>569</v>
      </c>
      <c r="AS32" s="320"/>
      <c r="AT32" s="671">
        <v>340</v>
      </c>
      <c r="AU32" s="321"/>
      <c r="AV32" s="316">
        <v>336</v>
      </c>
      <c r="AW32" s="318">
        <v>1245</v>
      </c>
      <c r="AX32" s="662">
        <v>0.24249999999999999</v>
      </c>
      <c r="AY32" s="662">
        <v>0.13350000000000001</v>
      </c>
      <c r="AZ32" s="664">
        <v>0.13170000000000001</v>
      </c>
      <c r="BA32" s="665">
        <v>0.50770000000000004</v>
      </c>
      <c r="BB32" s="675">
        <v>26</v>
      </c>
      <c r="BC32" s="65" t="s">
        <v>26</v>
      </c>
      <c r="BD32" s="77">
        <v>5057210</v>
      </c>
      <c r="BE32" s="77">
        <v>2318483</v>
      </c>
      <c r="BF32" s="77">
        <v>958136</v>
      </c>
      <c r="BG32" s="673">
        <v>8333829</v>
      </c>
      <c r="BH32" s="673">
        <v>27785</v>
      </c>
      <c r="BI32" s="673">
        <v>4852650</v>
      </c>
      <c r="BJ32" s="674">
        <v>13186479</v>
      </c>
      <c r="BK32" s="675">
        <v>26</v>
      </c>
      <c r="BL32" s="65" t="s">
        <v>26</v>
      </c>
      <c r="BM32" s="316">
        <v>677</v>
      </c>
      <c r="BN32" s="320"/>
      <c r="BO32" s="669">
        <v>179</v>
      </c>
      <c r="BP32" s="73"/>
      <c r="BQ32" s="72">
        <v>78</v>
      </c>
      <c r="BR32" s="70"/>
      <c r="BS32" s="316">
        <v>86</v>
      </c>
      <c r="BT32" s="77">
        <v>343</v>
      </c>
      <c r="BU32" s="219">
        <v>790</v>
      </c>
      <c r="BV32" s="73"/>
      <c r="BW32" s="670">
        <v>195</v>
      </c>
      <c r="BX32" s="320"/>
      <c r="BY32" s="671">
        <v>97</v>
      </c>
      <c r="BZ32" s="321"/>
      <c r="CA32" s="316">
        <v>106</v>
      </c>
      <c r="CB32" s="318">
        <v>398</v>
      </c>
      <c r="CC32" s="662">
        <v>0.26440000000000002</v>
      </c>
      <c r="CD32" s="662">
        <v>0.1152</v>
      </c>
      <c r="CE32" s="664">
        <v>0.127</v>
      </c>
      <c r="CF32" s="665">
        <v>0.50660000000000005</v>
      </c>
      <c r="CG32" s="675">
        <v>26</v>
      </c>
      <c r="CH32" s="65" t="s">
        <v>26</v>
      </c>
      <c r="CI32" s="77">
        <v>2478840</v>
      </c>
      <c r="CJ32" s="77">
        <v>837700</v>
      </c>
      <c r="CK32" s="77">
        <v>367360</v>
      </c>
      <c r="CL32" s="673">
        <v>3683900</v>
      </c>
      <c r="CM32" s="673">
        <v>32342</v>
      </c>
      <c r="CN32" s="673">
        <v>1830881</v>
      </c>
      <c r="CO32" s="674">
        <v>5514781</v>
      </c>
      <c r="CP32" s="26"/>
    </row>
    <row r="33" spans="1:93" s="26" customFormat="1" ht="15" customHeight="1" x14ac:dyDescent="0.15">
      <c r="A33" s="33">
        <v>27</v>
      </c>
      <c r="B33" s="65" t="s">
        <v>27</v>
      </c>
      <c r="C33" s="77">
        <v>1726</v>
      </c>
      <c r="D33" s="73"/>
      <c r="E33" s="671">
        <v>373</v>
      </c>
      <c r="F33" s="73"/>
      <c r="G33" s="72">
        <v>238</v>
      </c>
      <c r="H33" s="70"/>
      <c r="I33" s="316">
        <v>213</v>
      </c>
      <c r="J33" s="77">
        <v>824</v>
      </c>
      <c r="K33" s="77">
        <v>2622</v>
      </c>
      <c r="L33" s="73"/>
      <c r="M33" s="670">
        <v>439</v>
      </c>
      <c r="N33" s="320"/>
      <c r="O33" s="671">
        <v>385</v>
      </c>
      <c r="P33" s="321"/>
      <c r="Q33" s="316">
        <v>360</v>
      </c>
      <c r="R33" s="318">
        <v>1184</v>
      </c>
      <c r="S33" s="662">
        <v>0.21609999999999999</v>
      </c>
      <c r="T33" s="663">
        <v>0.13789999999999999</v>
      </c>
      <c r="U33" s="664">
        <v>0.1234</v>
      </c>
      <c r="V33" s="665">
        <v>0.47739999999999999</v>
      </c>
      <c r="W33" s="675">
        <v>27</v>
      </c>
      <c r="X33" s="65" t="s">
        <v>27</v>
      </c>
      <c r="Y33" s="672">
        <v>17529050</v>
      </c>
      <c r="Z33" s="672">
        <v>8783750</v>
      </c>
      <c r="AA33" s="672">
        <v>3244750</v>
      </c>
      <c r="AB33" s="319">
        <v>29557550</v>
      </c>
      <c r="AC33" s="673">
        <v>94698</v>
      </c>
      <c r="AD33" s="673">
        <v>15771951</v>
      </c>
      <c r="AE33" s="674">
        <v>45329501</v>
      </c>
      <c r="AF33" s="675">
        <v>27</v>
      </c>
      <c r="AG33" s="65" t="s">
        <v>27</v>
      </c>
      <c r="AH33" s="316">
        <v>1726</v>
      </c>
      <c r="AI33" s="320"/>
      <c r="AJ33" s="671">
        <v>373</v>
      </c>
      <c r="AK33" s="73"/>
      <c r="AL33" s="72">
        <v>238</v>
      </c>
      <c r="AM33" s="70"/>
      <c r="AN33" s="316">
        <v>213</v>
      </c>
      <c r="AO33" s="77">
        <v>824</v>
      </c>
      <c r="AP33" s="219">
        <v>2622</v>
      </c>
      <c r="AQ33" s="73"/>
      <c r="AR33" s="670">
        <v>506</v>
      </c>
      <c r="AS33" s="320"/>
      <c r="AT33" s="671">
        <v>395</v>
      </c>
      <c r="AU33" s="321"/>
      <c r="AV33" s="316">
        <v>409</v>
      </c>
      <c r="AW33" s="318">
        <v>1310</v>
      </c>
      <c r="AX33" s="662">
        <v>0.21609999999999999</v>
      </c>
      <c r="AY33" s="662">
        <v>0.13789999999999999</v>
      </c>
      <c r="AZ33" s="664">
        <v>0.1234</v>
      </c>
      <c r="BA33" s="665">
        <v>0.47739999999999999</v>
      </c>
      <c r="BB33" s="33">
        <v>27</v>
      </c>
      <c r="BC33" s="65" t="s">
        <v>27</v>
      </c>
      <c r="BD33" s="77">
        <v>4050760</v>
      </c>
      <c r="BE33" s="77">
        <v>2216000</v>
      </c>
      <c r="BF33" s="77">
        <v>822900</v>
      </c>
      <c r="BG33" s="673">
        <v>7089660</v>
      </c>
      <c r="BH33" s="673">
        <v>21882</v>
      </c>
      <c r="BI33" s="673">
        <v>3644448</v>
      </c>
      <c r="BJ33" s="674">
        <v>10734108</v>
      </c>
      <c r="BK33" s="33">
        <v>27</v>
      </c>
      <c r="BL33" s="65" t="s">
        <v>27</v>
      </c>
      <c r="BM33" s="316">
        <v>630</v>
      </c>
      <c r="BN33" s="320"/>
      <c r="BO33" s="671">
        <v>125</v>
      </c>
      <c r="BP33" s="73"/>
      <c r="BQ33" s="72">
        <v>67</v>
      </c>
      <c r="BR33" s="70"/>
      <c r="BS33" s="316">
        <v>58</v>
      </c>
      <c r="BT33" s="77">
        <v>250</v>
      </c>
      <c r="BU33" s="219">
        <v>737</v>
      </c>
      <c r="BV33" s="73"/>
      <c r="BW33" s="670">
        <v>137</v>
      </c>
      <c r="BX33" s="320"/>
      <c r="BY33" s="671">
        <v>85</v>
      </c>
      <c r="BZ33" s="321"/>
      <c r="CA33" s="316">
        <v>67</v>
      </c>
      <c r="CB33" s="318">
        <v>289</v>
      </c>
      <c r="CC33" s="662">
        <v>0.19839999999999999</v>
      </c>
      <c r="CD33" s="662">
        <v>0.10630000000000001</v>
      </c>
      <c r="CE33" s="664">
        <v>9.2100000000000001E-2</v>
      </c>
      <c r="CF33" s="665">
        <v>0.39679999999999999</v>
      </c>
      <c r="CG33" s="675">
        <v>27</v>
      </c>
      <c r="CH33" s="65" t="s">
        <v>27</v>
      </c>
      <c r="CI33" s="77">
        <v>892780</v>
      </c>
      <c r="CJ33" s="77">
        <v>366100</v>
      </c>
      <c r="CK33" s="77">
        <v>121240</v>
      </c>
      <c r="CL33" s="673">
        <v>1380120</v>
      </c>
      <c r="CM33" s="673">
        <v>20136</v>
      </c>
      <c r="CN33" s="673">
        <v>828798</v>
      </c>
      <c r="CO33" s="674">
        <v>2208918</v>
      </c>
    </row>
    <row r="34" spans="1:93" s="26" customFormat="1" ht="15" customHeight="1" x14ac:dyDescent="0.15">
      <c r="A34" s="33">
        <v>28</v>
      </c>
      <c r="B34" s="65" t="s">
        <v>28</v>
      </c>
      <c r="C34" s="77">
        <v>2013</v>
      </c>
      <c r="D34" s="73"/>
      <c r="E34" s="669">
        <v>435</v>
      </c>
      <c r="F34" s="73"/>
      <c r="G34" s="72">
        <v>255</v>
      </c>
      <c r="H34" s="70"/>
      <c r="I34" s="316">
        <v>260</v>
      </c>
      <c r="J34" s="77">
        <v>950</v>
      </c>
      <c r="K34" s="77">
        <v>3213</v>
      </c>
      <c r="L34" s="73"/>
      <c r="M34" s="670">
        <v>569</v>
      </c>
      <c r="N34" s="320"/>
      <c r="O34" s="671">
        <v>452</v>
      </c>
      <c r="P34" s="321"/>
      <c r="Q34" s="316">
        <v>477</v>
      </c>
      <c r="R34" s="318">
        <v>1498</v>
      </c>
      <c r="S34" s="662">
        <v>0.21609999999999999</v>
      </c>
      <c r="T34" s="663">
        <v>0.12670000000000001</v>
      </c>
      <c r="U34" s="664">
        <v>0.12920000000000001</v>
      </c>
      <c r="V34" s="665">
        <v>0.47189999999999999</v>
      </c>
      <c r="W34" s="33">
        <v>28</v>
      </c>
      <c r="X34" s="65" t="s">
        <v>28</v>
      </c>
      <c r="Y34" s="672">
        <v>15793540</v>
      </c>
      <c r="Z34" s="672">
        <v>8110700</v>
      </c>
      <c r="AA34" s="672">
        <v>3388680</v>
      </c>
      <c r="AB34" s="319">
        <v>27292920</v>
      </c>
      <c r="AC34" s="673">
        <v>79006</v>
      </c>
      <c r="AD34" s="673">
        <v>16641824</v>
      </c>
      <c r="AE34" s="674">
        <v>43934744</v>
      </c>
      <c r="AF34" s="33">
        <v>28</v>
      </c>
      <c r="AG34" s="65" t="s">
        <v>28</v>
      </c>
      <c r="AH34" s="316">
        <v>2013</v>
      </c>
      <c r="AI34" s="320"/>
      <c r="AJ34" s="669">
        <v>435</v>
      </c>
      <c r="AK34" s="73"/>
      <c r="AL34" s="72">
        <v>255</v>
      </c>
      <c r="AM34" s="70"/>
      <c r="AN34" s="316">
        <v>260</v>
      </c>
      <c r="AO34" s="77">
        <v>950</v>
      </c>
      <c r="AP34" s="219">
        <v>3213</v>
      </c>
      <c r="AQ34" s="73"/>
      <c r="AR34" s="670">
        <v>571</v>
      </c>
      <c r="AS34" s="320"/>
      <c r="AT34" s="671">
        <v>436</v>
      </c>
      <c r="AU34" s="321"/>
      <c r="AV34" s="316">
        <v>481</v>
      </c>
      <c r="AW34" s="318">
        <v>1488</v>
      </c>
      <c r="AX34" s="662">
        <v>0.21609999999999999</v>
      </c>
      <c r="AY34" s="662">
        <v>0.12670000000000001</v>
      </c>
      <c r="AZ34" s="664">
        <v>0.12920000000000001</v>
      </c>
      <c r="BA34" s="665">
        <v>0.47189999999999999</v>
      </c>
      <c r="BB34" s="33">
        <v>28</v>
      </c>
      <c r="BC34" s="65" t="s">
        <v>28</v>
      </c>
      <c r="BD34" s="77">
        <v>6070190</v>
      </c>
      <c r="BE34" s="77">
        <v>3099950</v>
      </c>
      <c r="BF34" s="77">
        <v>1294380</v>
      </c>
      <c r="BG34" s="673">
        <v>10464520</v>
      </c>
      <c r="BH34" s="673">
        <v>29816</v>
      </c>
      <c r="BI34" s="673">
        <v>6280442</v>
      </c>
      <c r="BJ34" s="674">
        <v>16744962</v>
      </c>
      <c r="BK34" s="33">
        <v>28</v>
      </c>
      <c r="BL34" s="65" t="s">
        <v>28</v>
      </c>
      <c r="BM34" s="316">
        <v>820</v>
      </c>
      <c r="BN34" s="320"/>
      <c r="BO34" s="669">
        <v>191</v>
      </c>
      <c r="BP34" s="73"/>
      <c r="BQ34" s="72">
        <v>101</v>
      </c>
      <c r="BR34" s="70"/>
      <c r="BS34" s="316">
        <v>79</v>
      </c>
      <c r="BT34" s="77">
        <v>371</v>
      </c>
      <c r="BU34" s="219">
        <v>963</v>
      </c>
      <c r="BV34" s="73"/>
      <c r="BW34" s="670">
        <v>209</v>
      </c>
      <c r="BX34" s="320"/>
      <c r="BY34" s="671">
        <v>120</v>
      </c>
      <c r="BZ34" s="321"/>
      <c r="CA34" s="316">
        <v>93</v>
      </c>
      <c r="CB34" s="318">
        <v>422</v>
      </c>
      <c r="CC34" s="662">
        <v>0.2329</v>
      </c>
      <c r="CD34" s="662">
        <v>0.1232</v>
      </c>
      <c r="CE34" s="664">
        <v>9.6299999999999997E-2</v>
      </c>
      <c r="CF34" s="665">
        <v>0.45240000000000002</v>
      </c>
      <c r="CG34" s="33">
        <v>28</v>
      </c>
      <c r="CH34" s="65" t="s">
        <v>28</v>
      </c>
      <c r="CI34" s="77">
        <v>2264430</v>
      </c>
      <c r="CJ34" s="77">
        <v>907450</v>
      </c>
      <c r="CK34" s="77">
        <v>282020</v>
      </c>
      <c r="CL34" s="673">
        <v>3453900</v>
      </c>
      <c r="CM34" s="673">
        <v>31075</v>
      </c>
      <c r="CN34" s="673">
        <v>1871958</v>
      </c>
      <c r="CO34" s="674">
        <v>5325858</v>
      </c>
    </row>
    <row r="35" spans="1:93" s="26" customFormat="1" ht="15" customHeight="1" x14ac:dyDescent="0.15">
      <c r="A35" s="33">
        <v>29</v>
      </c>
      <c r="B35" s="65" t="s">
        <v>29</v>
      </c>
      <c r="C35" s="77">
        <v>2020</v>
      </c>
      <c r="D35" s="73"/>
      <c r="E35" s="671">
        <v>547</v>
      </c>
      <c r="F35" s="73"/>
      <c r="G35" s="72">
        <v>231</v>
      </c>
      <c r="H35" s="70"/>
      <c r="I35" s="316">
        <v>200</v>
      </c>
      <c r="J35" s="77">
        <v>978</v>
      </c>
      <c r="K35" s="77">
        <v>2801</v>
      </c>
      <c r="L35" s="73"/>
      <c r="M35" s="670">
        <v>646</v>
      </c>
      <c r="N35" s="320"/>
      <c r="O35" s="671">
        <v>373</v>
      </c>
      <c r="P35" s="321"/>
      <c r="Q35" s="316">
        <v>306</v>
      </c>
      <c r="R35" s="318">
        <v>1325</v>
      </c>
      <c r="S35" s="662">
        <v>0.27079999999999999</v>
      </c>
      <c r="T35" s="663">
        <v>0.1144</v>
      </c>
      <c r="U35" s="664">
        <v>9.9000000000000005E-2</v>
      </c>
      <c r="V35" s="665">
        <v>0.48420000000000002</v>
      </c>
      <c r="W35" s="33">
        <v>29</v>
      </c>
      <c r="X35" s="65" t="s">
        <v>29</v>
      </c>
      <c r="Y35" s="672">
        <v>16350430</v>
      </c>
      <c r="Z35" s="672">
        <v>5747810</v>
      </c>
      <c r="AA35" s="672">
        <v>1921187</v>
      </c>
      <c r="AB35" s="319">
        <v>24019427</v>
      </c>
      <c r="AC35" s="673">
        <v>73260</v>
      </c>
      <c r="AD35" s="673">
        <v>13838814</v>
      </c>
      <c r="AE35" s="674">
        <v>37858241</v>
      </c>
      <c r="AF35" s="33">
        <v>29</v>
      </c>
      <c r="AG35" s="65" t="s">
        <v>29</v>
      </c>
      <c r="AH35" s="316">
        <v>2020</v>
      </c>
      <c r="AI35" s="320"/>
      <c r="AJ35" s="671">
        <v>547</v>
      </c>
      <c r="AK35" s="73"/>
      <c r="AL35" s="72">
        <v>231</v>
      </c>
      <c r="AM35" s="70"/>
      <c r="AN35" s="316">
        <v>200</v>
      </c>
      <c r="AO35" s="77">
        <v>978</v>
      </c>
      <c r="AP35" s="219">
        <v>2801</v>
      </c>
      <c r="AQ35" s="73"/>
      <c r="AR35" s="670">
        <v>722</v>
      </c>
      <c r="AS35" s="320"/>
      <c r="AT35" s="671">
        <v>368</v>
      </c>
      <c r="AU35" s="321"/>
      <c r="AV35" s="316">
        <v>342</v>
      </c>
      <c r="AW35" s="318">
        <v>1432</v>
      </c>
      <c r="AX35" s="662">
        <v>0.27079999999999999</v>
      </c>
      <c r="AY35" s="662">
        <v>0.1144</v>
      </c>
      <c r="AZ35" s="664">
        <v>9.9000000000000005E-2</v>
      </c>
      <c r="BA35" s="665">
        <v>0.48420000000000002</v>
      </c>
      <c r="BB35" s="33">
        <v>29</v>
      </c>
      <c r="BC35" s="65" t="s">
        <v>29</v>
      </c>
      <c r="BD35" s="77">
        <v>4833324</v>
      </c>
      <c r="BE35" s="77">
        <v>1699220</v>
      </c>
      <c r="BF35" s="77">
        <v>567954</v>
      </c>
      <c r="BG35" s="673">
        <v>7100498</v>
      </c>
      <c r="BH35" s="673">
        <v>21640</v>
      </c>
      <c r="BI35" s="673">
        <v>4087796</v>
      </c>
      <c r="BJ35" s="674">
        <v>11188294</v>
      </c>
      <c r="BK35" s="33">
        <v>29</v>
      </c>
      <c r="BL35" s="65" t="s">
        <v>29</v>
      </c>
      <c r="BM35" s="316">
        <v>794</v>
      </c>
      <c r="BN35" s="320"/>
      <c r="BO35" s="671">
        <v>177</v>
      </c>
      <c r="BP35" s="73"/>
      <c r="BQ35" s="72">
        <v>83</v>
      </c>
      <c r="BR35" s="70"/>
      <c r="BS35" s="316">
        <v>63</v>
      </c>
      <c r="BT35" s="77">
        <v>323</v>
      </c>
      <c r="BU35" s="219">
        <v>904</v>
      </c>
      <c r="BV35" s="73"/>
      <c r="BW35" s="670">
        <v>185</v>
      </c>
      <c r="BX35" s="320"/>
      <c r="BY35" s="671">
        <v>103</v>
      </c>
      <c r="BZ35" s="321"/>
      <c r="CA35" s="316">
        <v>72</v>
      </c>
      <c r="CB35" s="318">
        <v>360</v>
      </c>
      <c r="CC35" s="662">
        <v>0.22289999999999999</v>
      </c>
      <c r="CD35" s="662">
        <v>0.1045</v>
      </c>
      <c r="CE35" s="664">
        <v>7.9299999999999995E-2</v>
      </c>
      <c r="CF35" s="665">
        <v>0.40679999999999999</v>
      </c>
      <c r="CG35" s="33">
        <v>29</v>
      </c>
      <c r="CH35" s="65" t="s">
        <v>29</v>
      </c>
      <c r="CI35" s="77">
        <v>1807071</v>
      </c>
      <c r="CJ35" s="77">
        <v>665475</v>
      </c>
      <c r="CK35" s="77">
        <v>192888</v>
      </c>
      <c r="CL35" s="673">
        <v>2665434</v>
      </c>
      <c r="CM35" s="673">
        <v>29840</v>
      </c>
      <c r="CN35" s="673">
        <v>1537655</v>
      </c>
      <c r="CO35" s="674">
        <v>4203089</v>
      </c>
    </row>
    <row r="36" spans="1:93" s="26" customFormat="1" ht="15" customHeight="1" x14ac:dyDescent="0.15">
      <c r="A36" s="33">
        <v>30</v>
      </c>
      <c r="B36" s="65" t="s">
        <v>30</v>
      </c>
      <c r="C36" s="77">
        <v>1377</v>
      </c>
      <c r="D36" s="74"/>
      <c r="E36" s="669">
        <v>380</v>
      </c>
      <c r="F36" s="74"/>
      <c r="G36" s="72">
        <v>198</v>
      </c>
      <c r="H36" s="74"/>
      <c r="I36" s="316">
        <v>168</v>
      </c>
      <c r="J36" s="77">
        <v>746</v>
      </c>
      <c r="K36" s="77">
        <v>2148</v>
      </c>
      <c r="L36" s="74"/>
      <c r="M36" s="670">
        <v>485</v>
      </c>
      <c r="N36" s="689"/>
      <c r="O36" s="671">
        <v>340</v>
      </c>
      <c r="P36" s="222"/>
      <c r="Q36" s="316">
        <v>303</v>
      </c>
      <c r="R36" s="318">
        <v>1128</v>
      </c>
      <c r="S36" s="662">
        <v>0.27600000000000002</v>
      </c>
      <c r="T36" s="663">
        <v>0.14380000000000001</v>
      </c>
      <c r="U36" s="664">
        <v>0.122</v>
      </c>
      <c r="V36" s="665">
        <v>0.54179999999999995</v>
      </c>
      <c r="W36" s="33">
        <v>30</v>
      </c>
      <c r="X36" s="65" t="s">
        <v>30</v>
      </c>
      <c r="Y36" s="672">
        <v>16108920</v>
      </c>
      <c r="Z36" s="672">
        <v>7214893</v>
      </c>
      <c r="AA36" s="672">
        <v>2524158</v>
      </c>
      <c r="AB36" s="319">
        <v>25847971</v>
      </c>
      <c r="AC36" s="673">
        <v>79159</v>
      </c>
      <c r="AD36" s="673">
        <v>12644858</v>
      </c>
      <c r="AE36" s="674">
        <v>38492829</v>
      </c>
      <c r="AF36" s="33">
        <v>30</v>
      </c>
      <c r="AG36" s="65" t="s">
        <v>30</v>
      </c>
      <c r="AH36" s="316">
        <v>1377</v>
      </c>
      <c r="AI36" s="689"/>
      <c r="AJ36" s="669">
        <v>380</v>
      </c>
      <c r="AK36" s="74"/>
      <c r="AL36" s="72">
        <v>198</v>
      </c>
      <c r="AM36" s="74"/>
      <c r="AN36" s="316">
        <v>168</v>
      </c>
      <c r="AO36" s="77">
        <v>746</v>
      </c>
      <c r="AP36" s="219">
        <v>2148</v>
      </c>
      <c r="AQ36" s="74"/>
      <c r="AR36" s="670">
        <v>490</v>
      </c>
      <c r="AS36" s="689"/>
      <c r="AT36" s="671">
        <v>343</v>
      </c>
      <c r="AU36" s="222"/>
      <c r="AV36" s="316">
        <v>327</v>
      </c>
      <c r="AW36" s="318">
        <v>1160</v>
      </c>
      <c r="AX36" s="662">
        <v>0.27600000000000002</v>
      </c>
      <c r="AY36" s="662">
        <v>0.14380000000000001</v>
      </c>
      <c r="AZ36" s="664">
        <v>0.122</v>
      </c>
      <c r="BA36" s="665">
        <v>0.54179999999999995</v>
      </c>
      <c r="BB36" s="33">
        <v>30</v>
      </c>
      <c r="BC36" s="65" t="s">
        <v>30</v>
      </c>
      <c r="BD36" s="77">
        <v>4804102</v>
      </c>
      <c r="BE36" s="77">
        <v>2152033</v>
      </c>
      <c r="BF36" s="77">
        <v>752919</v>
      </c>
      <c r="BG36" s="673">
        <v>7709054</v>
      </c>
      <c r="BH36" s="673">
        <v>23319</v>
      </c>
      <c r="BI36" s="673">
        <v>3724976</v>
      </c>
      <c r="BJ36" s="674">
        <v>11434030</v>
      </c>
      <c r="BK36" s="33">
        <v>30</v>
      </c>
      <c r="BL36" s="65" t="s">
        <v>30</v>
      </c>
      <c r="BM36" s="316">
        <v>602</v>
      </c>
      <c r="BN36" s="689"/>
      <c r="BO36" s="669">
        <v>162</v>
      </c>
      <c r="BP36" s="74"/>
      <c r="BQ36" s="72">
        <v>75</v>
      </c>
      <c r="BR36" s="74"/>
      <c r="BS36" s="316">
        <v>62</v>
      </c>
      <c r="BT36" s="77">
        <v>299</v>
      </c>
      <c r="BU36" s="219">
        <v>720</v>
      </c>
      <c r="BV36" s="74"/>
      <c r="BW36" s="670">
        <v>178</v>
      </c>
      <c r="BX36" s="689"/>
      <c r="BY36" s="671">
        <v>96</v>
      </c>
      <c r="BZ36" s="222"/>
      <c r="CA36" s="316">
        <v>76</v>
      </c>
      <c r="CB36" s="318">
        <v>350</v>
      </c>
      <c r="CC36" s="662">
        <v>0.26910000000000001</v>
      </c>
      <c r="CD36" s="662">
        <v>0.1246</v>
      </c>
      <c r="CE36" s="664">
        <v>0.10299999999999999</v>
      </c>
      <c r="CF36" s="665">
        <v>0.49669999999999997</v>
      </c>
      <c r="CG36" s="33">
        <v>30</v>
      </c>
      <c r="CH36" s="65" t="s">
        <v>30</v>
      </c>
      <c r="CI36" s="77">
        <v>2296168</v>
      </c>
      <c r="CJ36" s="77">
        <v>845220</v>
      </c>
      <c r="CK36" s="77">
        <v>270992</v>
      </c>
      <c r="CL36" s="673">
        <v>3412380</v>
      </c>
      <c r="CM36" s="673">
        <v>33650</v>
      </c>
      <c r="CN36" s="673">
        <v>1683173</v>
      </c>
      <c r="CO36" s="674">
        <v>5095553</v>
      </c>
    </row>
    <row r="37" spans="1:93" s="26" customFormat="1" ht="15" customHeight="1" x14ac:dyDescent="0.15">
      <c r="A37" s="33">
        <v>31</v>
      </c>
      <c r="B37" s="65" t="s">
        <v>31</v>
      </c>
      <c r="C37" s="77">
        <v>4564</v>
      </c>
      <c r="D37" s="74"/>
      <c r="E37" s="671">
        <v>1277</v>
      </c>
      <c r="F37" s="74"/>
      <c r="G37" s="72">
        <v>649</v>
      </c>
      <c r="H37" s="74"/>
      <c r="I37" s="316">
        <v>534</v>
      </c>
      <c r="J37" s="77">
        <v>2460</v>
      </c>
      <c r="K37" s="77">
        <v>6831</v>
      </c>
      <c r="L37" s="74"/>
      <c r="M37" s="670">
        <v>1606</v>
      </c>
      <c r="N37" s="689"/>
      <c r="O37" s="671">
        <v>1067</v>
      </c>
      <c r="P37" s="222"/>
      <c r="Q37" s="316">
        <v>914</v>
      </c>
      <c r="R37" s="318">
        <v>3587</v>
      </c>
      <c r="S37" s="662">
        <v>0.27979999999999999</v>
      </c>
      <c r="T37" s="663">
        <v>0.14219999999999999</v>
      </c>
      <c r="U37" s="664">
        <v>0.11700000000000001</v>
      </c>
      <c r="V37" s="665">
        <v>0.53900000000000003</v>
      </c>
      <c r="W37" s="33">
        <v>31</v>
      </c>
      <c r="X37" s="65" t="s">
        <v>31</v>
      </c>
      <c r="Y37" s="672">
        <v>41416305</v>
      </c>
      <c r="Z37" s="672">
        <v>17619350</v>
      </c>
      <c r="AA37" s="672">
        <v>5964410</v>
      </c>
      <c r="AB37" s="319">
        <v>65000065</v>
      </c>
      <c r="AC37" s="673">
        <v>74373</v>
      </c>
      <c r="AD37" s="673">
        <v>37863295</v>
      </c>
      <c r="AE37" s="674">
        <v>102863360</v>
      </c>
      <c r="AF37" s="33">
        <v>31</v>
      </c>
      <c r="AG37" s="65" t="s">
        <v>31</v>
      </c>
      <c r="AH37" s="316">
        <v>4564</v>
      </c>
      <c r="AI37" s="689"/>
      <c r="AJ37" s="671">
        <v>1277</v>
      </c>
      <c r="AK37" s="74"/>
      <c r="AL37" s="72">
        <v>649</v>
      </c>
      <c r="AM37" s="74"/>
      <c r="AN37" s="316">
        <v>534</v>
      </c>
      <c r="AO37" s="77">
        <v>2460</v>
      </c>
      <c r="AP37" s="219">
        <v>6831</v>
      </c>
      <c r="AQ37" s="74"/>
      <c r="AR37" s="670">
        <v>1647</v>
      </c>
      <c r="AS37" s="689"/>
      <c r="AT37" s="671">
        <v>1057</v>
      </c>
      <c r="AU37" s="222"/>
      <c r="AV37" s="316">
        <v>950</v>
      </c>
      <c r="AW37" s="318">
        <v>3654</v>
      </c>
      <c r="AX37" s="662">
        <v>0.27979999999999999</v>
      </c>
      <c r="AY37" s="662">
        <v>0.14219999999999999</v>
      </c>
      <c r="AZ37" s="664">
        <v>0.11700000000000001</v>
      </c>
      <c r="BA37" s="665">
        <v>0.53900000000000003</v>
      </c>
      <c r="BB37" s="33">
        <v>31</v>
      </c>
      <c r="BC37" s="65" t="s">
        <v>31</v>
      </c>
      <c r="BD37" s="77">
        <v>16304995</v>
      </c>
      <c r="BE37" s="77">
        <v>6937350</v>
      </c>
      <c r="BF37" s="77">
        <v>2348430</v>
      </c>
      <c r="BG37" s="673">
        <v>25590775</v>
      </c>
      <c r="BH37" s="673">
        <v>28712</v>
      </c>
      <c r="BI37" s="673">
        <v>14617280</v>
      </c>
      <c r="BJ37" s="674">
        <v>40208055</v>
      </c>
      <c r="BK37" s="33">
        <v>31</v>
      </c>
      <c r="BL37" s="65" t="s">
        <v>31</v>
      </c>
      <c r="BM37" s="316">
        <v>1921</v>
      </c>
      <c r="BN37" s="689"/>
      <c r="BO37" s="671">
        <v>508</v>
      </c>
      <c r="BP37" s="74"/>
      <c r="BQ37" s="72">
        <v>228</v>
      </c>
      <c r="BR37" s="74"/>
      <c r="BS37" s="316">
        <v>196</v>
      </c>
      <c r="BT37" s="77">
        <v>932</v>
      </c>
      <c r="BU37" s="219">
        <v>2256</v>
      </c>
      <c r="BV37" s="74"/>
      <c r="BW37" s="670">
        <v>553</v>
      </c>
      <c r="BX37" s="689"/>
      <c r="BY37" s="671">
        <v>267</v>
      </c>
      <c r="BZ37" s="222"/>
      <c r="CA37" s="316">
        <v>233</v>
      </c>
      <c r="CB37" s="318">
        <v>1053</v>
      </c>
      <c r="CC37" s="662">
        <v>0.26440000000000002</v>
      </c>
      <c r="CD37" s="662">
        <v>0.1187</v>
      </c>
      <c r="CE37" s="664">
        <v>0.10199999999999999</v>
      </c>
      <c r="CF37" s="665">
        <v>0.48520000000000002</v>
      </c>
      <c r="CG37" s="33">
        <v>31</v>
      </c>
      <c r="CH37" s="65" t="s">
        <v>31</v>
      </c>
      <c r="CI37" s="77">
        <v>4806830</v>
      </c>
      <c r="CJ37" s="77">
        <v>1617150</v>
      </c>
      <c r="CK37" s="77">
        <v>561700</v>
      </c>
      <c r="CL37" s="673">
        <v>6985680</v>
      </c>
      <c r="CM37" s="673">
        <v>26726</v>
      </c>
      <c r="CN37" s="673">
        <v>4025471</v>
      </c>
      <c r="CO37" s="674">
        <v>11011151</v>
      </c>
    </row>
    <row r="38" spans="1:93" s="26" customFormat="1" ht="15" customHeight="1" x14ac:dyDescent="0.15">
      <c r="A38" s="33">
        <v>32</v>
      </c>
      <c r="B38" s="65" t="s">
        <v>32</v>
      </c>
      <c r="C38" s="77">
        <v>6601</v>
      </c>
      <c r="D38" s="73"/>
      <c r="E38" s="669">
        <v>1576</v>
      </c>
      <c r="F38" s="221"/>
      <c r="G38" s="72">
        <v>892</v>
      </c>
      <c r="H38" s="70"/>
      <c r="I38" s="316">
        <v>799</v>
      </c>
      <c r="J38" s="77">
        <v>3267</v>
      </c>
      <c r="K38" s="77">
        <v>10669</v>
      </c>
      <c r="L38" s="73"/>
      <c r="M38" s="670">
        <v>2114</v>
      </c>
      <c r="N38" s="321"/>
      <c r="O38" s="671">
        <v>1629</v>
      </c>
      <c r="P38" s="321"/>
      <c r="Q38" s="316">
        <v>1433</v>
      </c>
      <c r="R38" s="318">
        <v>5176</v>
      </c>
      <c r="S38" s="662">
        <v>0.23880000000000001</v>
      </c>
      <c r="T38" s="663">
        <v>0.1351</v>
      </c>
      <c r="U38" s="664">
        <v>0.121</v>
      </c>
      <c r="V38" s="665">
        <v>0.49490000000000001</v>
      </c>
      <c r="W38" s="33">
        <v>32</v>
      </c>
      <c r="X38" s="65" t="s">
        <v>32</v>
      </c>
      <c r="Y38" s="672">
        <v>55933920</v>
      </c>
      <c r="Z38" s="672">
        <v>26524800</v>
      </c>
      <c r="AA38" s="672">
        <v>9296640</v>
      </c>
      <c r="AB38" s="319">
        <v>91755360</v>
      </c>
      <c r="AC38" s="673">
        <v>74934</v>
      </c>
      <c r="AD38" s="673">
        <v>54810474</v>
      </c>
      <c r="AE38" s="674">
        <v>146565834</v>
      </c>
      <c r="AF38" s="33">
        <v>32</v>
      </c>
      <c r="AG38" s="65" t="s">
        <v>32</v>
      </c>
      <c r="AH38" s="316">
        <v>6601</v>
      </c>
      <c r="AI38" s="320"/>
      <c r="AJ38" s="669">
        <v>1576</v>
      </c>
      <c r="AK38" s="221"/>
      <c r="AL38" s="72">
        <v>892</v>
      </c>
      <c r="AM38" s="70"/>
      <c r="AN38" s="316">
        <v>799</v>
      </c>
      <c r="AO38" s="77">
        <v>3267</v>
      </c>
      <c r="AP38" s="219">
        <v>10669</v>
      </c>
      <c r="AQ38" s="70"/>
      <c r="AR38" s="670">
        <v>2149</v>
      </c>
      <c r="AS38" s="321"/>
      <c r="AT38" s="671">
        <v>1558</v>
      </c>
      <c r="AU38" s="321"/>
      <c r="AV38" s="316">
        <v>1442</v>
      </c>
      <c r="AW38" s="318">
        <v>5149</v>
      </c>
      <c r="AX38" s="662">
        <v>0.23880000000000001</v>
      </c>
      <c r="AY38" s="662">
        <v>0.1351</v>
      </c>
      <c r="AZ38" s="664">
        <v>0.121</v>
      </c>
      <c r="BA38" s="665">
        <v>0.49490000000000001</v>
      </c>
      <c r="BB38" s="33">
        <v>32</v>
      </c>
      <c r="BC38" s="65" t="s">
        <v>32</v>
      </c>
      <c r="BD38" s="77">
        <v>18992330</v>
      </c>
      <c r="BE38" s="77">
        <v>8926425</v>
      </c>
      <c r="BF38" s="77">
        <v>3127810</v>
      </c>
      <c r="BG38" s="673">
        <v>31046565</v>
      </c>
      <c r="BH38" s="673">
        <v>25175</v>
      </c>
      <c r="BI38" s="673">
        <v>18414255</v>
      </c>
      <c r="BJ38" s="674">
        <v>49460820</v>
      </c>
      <c r="BK38" s="33">
        <v>32</v>
      </c>
      <c r="BL38" s="65" t="s">
        <v>32</v>
      </c>
      <c r="BM38" s="316">
        <v>2759</v>
      </c>
      <c r="BN38" s="320"/>
      <c r="BO38" s="669">
        <v>612</v>
      </c>
      <c r="BP38" s="221"/>
      <c r="BQ38" s="72">
        <v>346</v>
      </c>
      <c r="BR38" s="70"/>
      <c r="BS38" s="316">
        <v>260</v>
      </c>
      <c r="BT38" s="77">
        <v>1218</v>
      </c>
      <c r="BU38" s="219">
        <v>3261</v>
      </c>
      <c r="BV38" s="70"/>
      <c r="BW38" s="670">
        <v>668</v>
      </c>
      <c r="BX38" s="321"/>
      <c r="BY38" s="671">
        <v>415</v>
      </c>
      <c r="BZ38" s="321"/>
      <c r="CA38" s="316">
        <v>309</v>
      </c>
      <c r="CB38" s="318">
        <v>1392</v>
      </c>
      <c r="CC38" s="662">
        <v>0.2218</v>
      </c>
      <c r="CD38" s="662">
        <v>0.12540000000000001</v>
      </c>
      <c r="CE38" s="664">
        <v>9.4200000000000006E-2</v>
      </c>
      <c r="CF38" s="665">
        <v>0.4415</v>
      </c>
      <c r="CG38" s="33">
        <v>32</v>
      </c>
      <c r="CH38" s="65" t="s">
        <v>32</v>
      </c>
      <c r="CI38" s="77">
        <v>5843600</v>
      </c>
      <c r="CJ38" s="77">
        <v>2490500</v>
      </c>
      <c r="CK38" s="77">
        <v>744600</v>
      </c>
      <c r="CL38" s="673">
        <v>9078700</v>
      </c>
      <c r="CM38" s="673">
        <v>25578</v>
      </c>
      <c r="CN38" s="673">
        <v>5076466</v>
      </c>
      <c r="CO38" s="674">
        <v>14155166</v>
      </c>
    </row>
    <row r="39" spans="1:93" s="26" customFormat="1" ht="15" customHeight="1" thickBot="1" x14ac:dyDescent="0.2">
      <c r="A39" s="33">
        <v>33</v>
      </c>
      <c r="B39" s="65" t="s">
        <v>33</v>
      </c>
      <c r="C39" s="77">
        <v>502</v>
      </c>
      <c r="D39" s="690"/>
      <c r="E39" s="691">
        <v>95</v>
      </c>
      <c r="F39" s="76"/>
      <c r="G39" s="75">
        <v>71</v>
      </c>
      <c r="H39" s="76"/>
      <c r="I39" s="316">
        <v>80</v>
      </c>
      <c r="J39" s="77">
        <v>246</v>
      </c>
      <c r="K39" s="77">
        <v>781</v>
      </c>
      <c r="L39" s="690"/>
      <c r="M39" s="670">
        <v>120</v>
      </c>
      <c r="N39" s="321"/>
      <c r="O39" s="671">
        <v>129</v>
      </c>
      <c r="P39" s="321"/>
      <c r="Q39" s="316">
        <v>135</v>
      </c>
      <c r="R39" s="318">
        <v>384</v>
      </c>
      <c r="S39" s="662">
        <v>0.18920000000000001</v>
      </c>
      <c r="T39" s="663">
        <v>0.1414</v>
      </c>
      <c r="U39" s="664">
        <v>0.15939999999999999</v>
      </c>
      <c r="V39" s="665">
        <v>0.49</v>
      </c>
      <c r="W39" s="33">
        <v>33</v>
      </c>
      <c r="X39" s="65" t="s">
        <v>33</v>
      </c>
      <c r="Y39" s="672">
        <v>2567514</v>
      </c>
      <c r="Z39" s="672">
        <v>1785136</v>
      </c>
      <c r="AA39" s="692">
        <v>761220</v>
      </c>
      <c r="AB39" s="319">
        <v>5113870</v>
      </c>
      <c r="AC39" s="673">
        <v>65747</v>
      </c>
      <c r="AD39" s="673">
        <v>3524697</v>
      </c>
      <c r="AE39" s="693">
        <v>8638567</v>
      </c>
      <c r="AF39" s="33">
        <v>33</v>
      </c>
      <c r="AG39" s="65" t="s">
        <v>33</v>
      </c>
      <c r="AH39" s="316">
        <v>502</v>
      </c>
      <c r="AI39" s="690"/>
      <c r="AJ39" s="691">
        <v>95</v>
      </c>
      <c r="AK39" s="76"/>
      <c r="AL39" s="75">
        <v>71</v>
      </c>
      <c r="AM39" s="76"/>
      <c r="AN39" s="316">
        <v>80</v>
      </c>
      <c r="AO39" s="77">
        <v>246</v>
      </c>
      <c r="AP39" s="219">
        <v>781</v>
      </c>
      <c r="AQ39" s="707"/>
      <c r="AR39" s="670">
        <v>125</v>
      </c>
      <c r="AS39" s="321"/>
      <c r="AT39" s="671">
        <v>124</v>
      </c>
      <c r="AU39" s="321"/>
      <c r="AV39" s="316">
        <v>147</v>
      </c>
      <c r="AW39" s="318">
        <v>396</v>
      </c>
      <c r="AX39" s="662">
        <v>0.18920000000000001</v>
      </c>
      <c r="AY39" s="662">
        <v>0.1414</v>
      </c>
      <c r="AZ39" s="664">
        <v>0.15939999999999999</v>
      </c>
      <c r="BA39" s="665">
        <v>0.49</v>
      </c>
      <c r="BB39" s="33">
        <v>33</v>
      </c>
      <c r="BC39" s="65" t="s">
        <v>33</v>
      </c>
      <c r="BD39" s="78">
        <v>769284</v>
      </c>
      <c r="BE39" s="78">
        <v>534901</v>
      </c>
      <c r="BF39" s="78">
        <v>228090</v>
      </c>
      <c r="BG39" s="673">
        <v>1532275</v>
      </c>
      <c r="BH39" s="673">
        <v>19682</v>
      </c>
      <c r="BI39" s="673">
        <v>1055152</v>
      </c>
      <c r="BJ39" s="693">
        <v>2587427</v>
      </c>
      <c r="BK39" s="33">
        <v>33</v>
      </c>
      <c r="BL39" s="65" t="s">
        <v>33</v>
      </c>
      <c r="BM39" s="316">
        <v>191</v>
      </c>
      <c r="BN39" s="690"/>
      <c r="BO39" s="691">
        <v>33</v>
      </c>
      <c r="BP39" s="76"/>
      <c r="BQ39" s="75">
        <v>30</v>
      </c>
      <c r="BR39" s="76"/>
      <c r="BS39" s="316">
        <v>25</v>
      </c>
      <c r="BT39" s="77">
        <v>88</v>
      </c>
      <c r="BU39" s="219">
        <v>233</v>
      </c>
      <c r="BV39" s="707"/>
      <c r="BW39" s="670">
        <v>37</v>
      </c>
      <c r="BX39" s="321"/>
      <c r="BY39" s="671">
        <v>37</v>
      </c>
      <c r="BZ39" s="321"/>
      <c r="CA39" s="316">
        <v>32</v>
      </c>
      <c r="CB39" s="318">
        <v>106</v>
      </c>
      <c r="CC39" s="662">
        <v>0.17280000000000001</v>
      </c>
      <c r="CD39" s="662">
        <v>0.15709999999999999</v>
      </c>
      <c r="CE39" s="664">
        <v>0.13089999999999999</v>
      </c>
      <c r="CF39" s="665">
        <v>0.4607</v>
      </c>
      <c r="CG39" s="33">
        <v>33</v>
      </c>
      <c r="CH39" s="65" t="s">
        <v>33</v>
      </c>
      <c r="CI39" s="77">
        <v>321216</v>
      </c>
      <c r="CJ39" s="77">
        <v>224475</v>
      </c>
      <c r="CK39" s="77">
        <v>77030</v>
      </c>
      <c r="CL39" s="673">
        <v>622721</v>
      </c>
      <c r="CM39" s="673">
        <v>28166</v>
      </c>
      <c r="CN39" s="673">
        <v>419392</v>
      </c>
      <c r="CO39" s="693">
        <v>1042113</v>
      </c>
    </row>
    <row r="40" spans="1:93" s="26" customFormat="1" ht="15" hidden="1" customHeight="1" thickTop="1" x14ac:dyDescent="0.15">
      <c r="A40" s="33">
        <v>34</v>
      </c>
      <c r="B40" s="694" t="s">
        <v>34</v>
      </c>
      <c r="C40" s="77">
        <v>0</v>
      </c>
      <c r="D40" s="73"/>
      <c r="E40" s="669"/>
      <c r="F40" s="321"/>
      <c r="G40" s="72">
        <v>0</v>
      </c>
      <c r="H40" s="70"/>
      <c r="I40" s="316">
        <v>0</v>
      </c>
      <c r="J40" s="77">
        <v>0</v>
      </c>
      <c r="K40" s="77">
        <v>0</v>
      </c>
      <c r="L40" s="73"/>
      <c r="M40" s="670">
        <v>0</v>
      </c>
      <c r="N40" s="321"/>
      <c r="O40" s="671">
        <v>0</v>
      </c>
      <c r="P40" s="321"/>
      <c r="Q40" s="316">
        <v>0</v>
      </c>
      <c r="R40" s="318">
        <v>0</v>
      </c>
      <c r="S40" s="662" t="e">
        <v>#DIV/0!</v>
      </c>
      <c r="T40" s="663" t="e">
        <v>#DIV/0!</v>
      </c>
      <c r="U40" s="664" t="e">
        <v>#DIV/0!</v>
      </c>
      <c r="V40" s="665" t="e">
        <v>#DIV/0!</v>
      </c>
      <c r="W40" s="33">
        <v>34</v>
      </c>
      <c r="X40" s="694" t="s">
        <v>34</v>
      </c>
      <c r="Y40" s="672"/>
      <c r="Z40" s="672"/>
      <c r="AA40" s="667" t="e">
        <v>#REF!</v>
      </c>
      <c r="AB40" s="319" t="e">
        <v>#REF!</v>
      </c>
      <c r="AC40" s="673"/>
      <c r="AD40" s="673">
        <v>3903009</v>
      </c>
      <c r="AE40" s="668" t="e">
        <v>#REF!</v>
      </c>
      <c r="AF40" s="33">
        <v>34</v>
      </c>
      <c r="AG40" s="694" t="s">
        <v>34</v>
      </c>
      <c r="AH40" s="316"/>
      <c r="AI40" s="320"/>
      <c r="AJ40" s="669"/>
      <c r="AK40" s="321"/>
      <c r="AL40" s="72"/>
      <c r="AM40" s="70"/>
      <c r="AN40" s="316">
        <v>0</v>
      </c>
      <c r="AO40" s="77">
        <v>0</v>
      </c>
      <c r="AP40" s="219">
        <v>0</v>
      </c>
      <c r="AQ40" s="70"/>
      <c r="AR40" s="670"/>
      <c r="AS40" s="321"/>
      <c r="AT40" s="671"/>
      <c r="AU40" s="321"/>
      <c r="AV40" s="316"/>
      <c r="AW40" s="318">
        <v>0</v>
      </c>
      <c r="AX40" s="662" t="e">
        <v>#DIV/0!</v>
      </c>
      <c r="AY40" s="662" t="e">
        <v>#DIV/0!</v>
      </c>
      <c r="AZ40" s="664" t="e">
        <v>#DIV/0!</v>
      </c>
      <c r="BA40" s="665" t="e">
        <v>#DIV/0!</v>
      </c>
      <c r="BB40" s="33">
        <v>34</v>
      </c>
      <c r="BC40" s="694" t="s">
        <v>34</v>
      </c>
      <c r="BD40" s="77"/>
      <c r="BE40" s="77"/>
      <c r="BF40" s="77">
        <v>0</v>
      </c>
      <c r="BG40" s="673">
        <v>0</v>
      </c>
      <c r="BH40" s="673"/>
      <c r="BI40" s="673"/>
      <c r="BJ40" s="668">
        <v>0</v>
      </c>
      <c r="BK40" s="33">
        <v>34</v>
      </c>
      <c r="BL40" s="694" t="s">
        <v>34</v>
      </c>
      <c r="BM40" s="316">
        <v>0</v>
      </c>
      <c r="BN40" s="320"/>
      <c r="BO40" s="669"/>
      <c r="BP40" s="321"/>
      <c r="BQ40" s="72"/>
      <c r="BR40" s="70"/>
      <c r="BS40" s="316">
        <v>0</v>
      </c>
      <c r="BT40" s="77">
        <v>0</v>
      </c>
      <c r="BU40" s="219"/>
      <c r="BV40" s="70"/>
      <c r="BW40" s="670"/>
      <c r="BX40" s="321"/>
      <c r="BY40" s="671"/>
      <c r="BZ40" s="321"/>
      <c r="CA40" s="316"/>
      <c r="CB40" s="318">
        <v>0</v>
      </c>
      <c r="CC40" s="662" t="e">
        <v>#DIV/0!</v>
      </c>
      <c r="CD40" s="662" t="e">
        <v>#DIV/0!</v>
      </c>
      <c r="CE40" s="664" t="e">
        <v>#DIV/0!</v>
      </c>
      <c r="CF40" s="665" t="e">
        <v>#DIV/0!</v>
      </c>
      <c r="CG40" s="33">
        <v>34</v>
      </c>
      <c r="CH40" s="694" t="s">
        <v>34</v>
      </c>
      <c r="CI40" s="77"/>
      <c r="CJ40" s="77"/>
      <c r="CK40" s="77"/>
      <c r="CL40" s="673">
        <v>0</v>
      </c>
      <c r="CM40" s="673"/>
      <c r="CN40" s="673"/>
      <c r="CO40" s="668">
        <v>0</v>
      </c>
    </row>
    <row r="41" spans="1:93" s="26" customFormat="1" ht="15" hidden="1" customHeight="1" x14ac:dyDescent="0.15">
      <c r="A41" s="33">
        <v>35</v>
      </c>
      <c r="B41" s="694" t="s">
        <v>35</v>
      </c>
      <c r="C41" s="77">
        <v>0</v>
      </c>
      <c r="D41" s="73"/>
      <c r="E41" s="671"/>
      <c r="F41" s="70"/>
      <c r="G41" s="72">
        <v>0</v>
      </c>
      <c r="H41" s="70"/>
      <c r="I41" s="316">
        <v>0</v>
      </c>
      <c r="J41" s="77">
        <v>0</v>
      </c>
      <c r="K41" s="77">
        <v>0</v>
      </c>
      <c r="L41" s="73"/>
      <c r="M41" s="670">
        <v>0</v>
      </c>
      <c r="N41" s="321"/>
      <c r="O41" s="671">
        <v>0</v>
      </c>
      <c r="P41" s="321"/>
      <c r="Q41" s="316">
        <v>0</v>
      </c>
      <c r="R41" s="318">
        <v>0</v>
      </c>
      <c r="S41" s="662" t="e">
        <v>#DIV/0!</v>
      </c>
      <c r="T41" s="663" t="e">
        <v>#DIV/0!</v>
      </c>
      <c r="U41" s="664" t="e">
        <v>#DIV/0!</v>
      </c>
      <c r="V41" s="665" t="e">
        <v>#DIV/0!</v>
      </c>
      <c r="W41" s="33">
        <v>35</v>
      </c>
      <c r="X41" s="694" t="s">
        <v>35</v>
      </c>
      <c r="Y41" s="672"/>
      <c r="Z41" s="672"/>
      <c r="AA41" s="672" t="e">
        <v>#REF!</v>
      </c>
      <c r="AB41" s="319" t="e">
        <v>#REF!</v>
      </c>
      <c r="AC41" s="688"/>
      <c r="AD41" s="673"/>
      <c r="AE41" s="674" t="e">
        <v>#REF!</v>
      </c>
      <c r="AF41" s="33">
        <v>35</v>
      </c>
      <c r="AG41" s="694" t="s">
        <v>35</v>
      </c>
      <c r="AH41" s="316">
        <v>0</v>
      </c>
      <c r="AI41" s="320"/>
      <c r="AJ41" s="671"/>
      <c r="AK41" s="70"/>
      <c r="AL41" s="72"/>
      <c r="AM41" s="70"/>
      <c r="AN41" s="316">
        <v>0</v>
      </c>
      <c r="AO41" s="77">
        <v>0</v>
      </c>
      <c r="AP41" s="219">
        <v>0</v>
      </c>
      <c r="AQ41" s="70"/>
      <c r="AR41" s="670"/>
      <c r="AS41" s="321"/>
      <c r="AT41" s="671"/>
      <c r="AU41" s="321"/>
      <c r="AV41" s="316"/>
      <c r="AW41" s="318">
        <v>0</v>
      </c>
      <c r="AX41" s="662" t="e">
        <v>#DIV/0!</v>
      </c>
      <c r="AY41" s="662" t="e">
        <v>#DIV/0!</v>
      </c>
      <c r="AZ41" s="664" t="e">
        <v>#DIV/0!</v>
      </c>
      <c r="BA41" s="665" t="e">
        <v>#DIV/0!</v>
      </c>
      <c r="BB41" s="33">
        <v>35</v>
      </c>
      <c r="BC41" s="694" t="s">
        <v>35</v>
      </c>
      <c r="BD41" s="219"/>
      <c r="BE41" s="77"/>
      <c r="BF41" s="77">
        <v>0</v>
      </c>
      <c r="BG41" s="673">
        <v>0</v>
      </c>
      <c r="BH41" s="673"/>
      <c r="BI41" s="673"/>
      <c r="BJ41" s="674">
        <v>0</v>
      </c>
      <c r="BK41" s="33">
        <v>35</v>
      </c>
      <c r="BL41" s="694" t="s">
        <v>35</v>
      </c>
      <c r="BM41" s="316">
        <v>0</v>
      </c>
      <c r="BN41" s="320"/>
      <c r="BO41" s="671"/>
      <c r="BP41" s="70"/>
      <c r="BQ41" s="72"/>
      <c r="BR41" s="70"/>
      <c r="BS41" s="316">
        <v>0</v>
      </c>
      <c r="BT41" s="77">
        <v>0</v>
      </c>
      <c r="BU41" s="219">
        <v>0</v>
      </c>
      <c r="BV41" s="70"/>
      <c r="BW41" s="670"/>
      <c r="BX41" s="321"/>
      <c r="BY41" s="671"/>
      <c r="BZ41" s="321"/>
      <c r="CA41" s="316"/>
      <c r="CB41" s="318">
        <v>0</v>
      </c>
      <c r="CC41" s="662" t="e">
        <v>#DIV/0!</v>
      </c>
      <c r="CD41" s="662" t="e">
        <v>#DIV/0!</v>
      </c>
      <c r="CE41" s="664" t="e">
        <v>#DIV/0!</v>
      </c>
      <c r="CF41" s="665" t="e">
        <v>#DIV/0!</v>
      </c>
      <c r="CG41" s="33">
        <v>35</v>
      </c>
      <c r="CH41" s="694" t="s">
        <v>35</v>
      </c>
      <c r="CI41" s="219"/>
      <c r="CJ41" s="77"/>
      <c r="CK41" s="77">
        <v>0</v>
      </c>
      <c r="CL41" s="673">
        <v>0</v>
      </c>
      <c r="CM41" s="673"/>
      <c r="CN41" s="673"/>
      <c r="CO41" s="674">
        <v>0</v>
      </c>
    </row>
    <row r="42" spans="1:93" s="26" customFormat="1" ht="15" hidden="1" customHeight="1" x14ac:dyDescent="0.15">
      <c r="A42" s="33">
        <v>36</v>
      </c>
      <c r="B42" s="694" t="s">
        <v>36</v>
      </c>
      <c r="C42" s="77">
        <v>0</v>
      </c>
      <c r="D42" s="73"/>
      <c r="E42" s="671"/>
      <c r="F42" s="70"/>
      <c r="G42" s="72">
        <v>0</v>
      </c>
      <c r="H42" s="70"/>
      <c r="I42" s="316">
        <v>0</v>
      </c>
      <c r="J42" s="77">
        <v>0</v>
      </c>
      <c r="K42" s="77">
        <v>0</v>
      </c>
      <c r="L42" s="73"/>
      <c r="M42" s="670">
        <v>0</v>
      </c>
      <c r="N42" s="321"/>
      <c r="O42" s="671">
        <v>0</v>
      </c>
      <c r="P42" s="321"/>
      <c r="Q42" s="316">
        <v>0</v>
      </c>
      <c r="R42" s="318">
        <v>0</v>
      </c>
      <c r="S42" s="662" t="e">
        <v>#DIV/0!</v>
      </c>
      <c r="T42" s="663" t="e">
        <v>#DIV/0!</v>
      </c>
      <c r="U42" s="664" t="e">
        <v>#DIV/0!</v>
      </c>
      <c r="V42" s="665" t="e">
        <v>#DIV/0!</v>
      </c>
      <c r="W42" s="33">
        <v>36</v>
      </c>
      <c r="X42" s="694" t="s">
        <v>36</v>
      </c>
      <c r="Y42" s="672"/>
      <c r="Z42" s="672"/>
      <c r="AA42" s="672" t="e">
        <v>#REF!</v>
      </c>
      <c r="AB42" s="319" t="e">
        <v>#REF!</v>
      </c>
      <c r="AC42" s="688"/>
      <c r="AD42" s="673"/>
      <c r="AE42" s="674" t="e">
        <v>#REF!</v>
      </c>
      <c r="AF42" s="33">
        <v>36</v>
      </c>
      <c r="AG42" s="694" t="s">
        <v>36</v>
      </c>
      <c r="AH42" s="316">
        <v>0</v>
      </c>
      <c r="AI42" s="320"/>
      <c r="AJ42" s="671"/>
      <c r="AK42" s="70"/>
      <c r="AL42" s="72"/>
      <c r="AM42" s="70"/>
      <c r="AN42" s="316"/>
      <c r="AO42" s="77">
        <v>0</v>
      </c>
      <c r="AP42" s="219">
        <v>0</v>
      </c>
      <c r="AQ42" s="70"/>
      <c r="AR42" s="670"/>
      <c r="AS42" s="321"/>
      <c r="AT42" s="671"/>
      <c r="AU42" s="321"/>
      <c r="AV42" s="316"/>
      <c r="AW42" s="318">
        <v>0</v>
      </c>
      <c r="AX42" s="662" t="e">
        <v>#DIV/0!</v>
      </c>
      <c r="AY42" s="662" t="e">
        <v>#DIV/0!</v>
      </c>
      <c r="AZ42" s="664" t="e">
        <v>#DIV/0!</v>
      </c>
      <c r="BA42" s="665" t="e">
        <v>#DIV/0!</v>
      </c>
      <c r="BB42" s="33">
        <v>36</v>
      </c>
      <c r="BC42" s="694" t="s">
        <v>36</v>
      </c>
      <c r="BD42" s="219"/>
      <c r="BE42" s="77"/>
      <c r="BF42" s="77">
        <v>0</v>
      </c>
      <c r="BG42" s="319">
        <v>0</v>
      </c>
      <c r="BH42" s="673"/>
      <c r="BI42" s="673"/>
      <c r="BJ42" s="674">
        <v>0</v>
      </c>
      <c r="BK42" s="33">
        <v>36</v>
      </c>
      <c r="BL42" s="694" t="s">
        <v>36</v>
      </c>
      <c r="BM42" s="316">
        <v>0</v>
      </c>
      <c r="BN42" s="320"/>
      <c r="BO42" s="671"/>
      <c r="BP42" s="70"/>
      <c r="BQ42" s="72"/>
      <c r="BR42" s="70"/>
      <c r="BS42" s="316">
        <v>0</v>
      </c>
      <c r="BT42" s="77">
        <v>0</v>
      </c>
      <c r="BU42" s="219">
        <v>0</v>
      </c>
      <c r="BV42" s="70"/>
      <c r="BW42" s="670"/>
      <c r="BX42" s="321"/>
      <c r="BY42" s="671"/>
      <c r="BZ42" s="321"/>
      <c r="CA42" s="316"/>
      <c r="CB42" s="318">
        <v>0</v>
      </c>
      <c r="CC42" s="662" t="e">
        <v>#DIV/0!</v>
      </c>
      <c r="CD42" s="662" t="e">
        <v>#DIV/0!</v>
      </c>
      <c r="CE42" s="664" t="e">
        <v>#DIV/0!</v>
      </c>
      <c r="CF42" s="665" t="e">
        <v>#DIV/0!</v>
      </c>
      <c r="CG42" s="33">
        <v>36</v>
      </c>
      <c r="CH42" s="694" t="s">
        <v>36</v>
      </c>
      <c r="CI42" s="219"/>
      <c r="CJ42" s="77"/>
      <c r="CK42" s="77">
        <v>0</v>
      </c>
      <c r="CL42" s="319">
        <v>0</v>
      </c>
      <c r="CM42" s="673"/>
      <c r="CN42" s="673"/>
      <c r="CO42" s="674">
        <v>0</v>
      </c>
    </row>
    <row r="43" spans="1:93" s="26" customFormat="1" ht="15" hidden="1" customHeight="1" thickBot="1" x14ac:dyDescent="0.2">
      <c r="A43" s="700">
        <v>37</v>
      </c>
      <c r="B43" s="701" t="s">
        <v>37</v>
      </c>
      <c r="C43" s="218">
        <v>0</v>
      </c>
      <c r="D43" s="695"/>
      <c r="E43" s="691"/>
      <c r="F43" s="696"/>
      <c r="G43" s="75">
        <v>0</v>
      </c>
      <c r="H43" s="696"/>
      <c r="I43" s="316">
        <v>0</v>
      </c>
      <c r="J43" s="218">
        <v>0</v>
      </c>
      <c r="K43" s="77">
        <v>0</v>
      </c>
      <c r="L43" s="695"/>
      <c r="M43" s="697">
        <v>0</v>
      </c>
      <c r="N43" s="698"/>
      <c r="O43" s="691">
        <v>0</v>
      </c>
      <c r="P43" s="698"/>
      <c r="Q43" s="316">
        <v>0</v>
      </c>
      <c r="R43" s="699">
        <v>0</v>
      </c>
      <c r="S43" s="95" t="e">
        <v>#DIV/0!</v>
      </c>
      <c r="T43" s="96" t="e">
        <v>#DIV/0!</v>
      </c>
      <c r="U43" s="97" t="e">
        <v>#DIV/0!</v>
      </c>
      <c r="V43" s="98" t="e">
        <v>#DIV/0!</v>
      </c>
      <c r="W43" s="700">
        <v>37</v>
      </c>
      <c r="X43" s="701" t="s">
        <v>37</v>
      </c>
      <c r="Y43" s="666"/>
      <c r="Z43" s="666"/>
      <c r="AA43" s="692" t="e">
        <v>#REF!</v>
      </c>
      <c r="AB43" s="319" t="e">
        <v>#REF!</v>
      </c>
      <c r="AC43" s="702"/>
      <c r="AD43" s="703"/>
      <c r="AE43" s="693" t="e">
        <v>#REF!</v>
      </c>
      <c r="AF43" s="700">
        <v>37</v>
      </c>
      <c r="AG43" s="701" t="s">
        <v>37</v>
      </c>
      <c r="AH43" s="669">
        <v>0</v>
      </c>
      <c r="AI43" s="708"/>
      <c r="AJ43" s="691"/>
      <c r="AK43" s="696"/>
      <c r="AL43" s="75"/>
      <c r="AM43" s="696"/>
      <c r="AN43" s="669">
        <v>0</v>
      </c>
      <c r="AO43" s="218">
        <v>0</v>
      </c>
      <c r="AP43" s="78">
        <v>0</v>
      </c>
      <c r="AQ43" s="76"/>
      <c r="AR43" s="691"/>
      <c r="AS43" s="698"/>
      <c r="AT43" s="691"/>
      <c r="AU43" s="698"/>
      <c r="AV43" s="691"/>
      <c r="AW43" s="78">
        <v>0</v>
      </c>
      <c r="AX43" s="95" t="e">
        <v>#DIV/0!</v>
      </c>
      <c r="AY43" s="95" t="e">
        <v>#DIV/0!</v>
      </c>
      <c r="AZ43" s="97" t="e">
        <v>#DIV/0!</v>
      </c>
      <c r="BA43" s="98" t="e">
        <v>#DIV/0!</v>
      </c>
      <c r="BB43" s="700">
        <v>37</v>
      </c>
      <c r="BC43" s="701" t="s">
        <v>37</v>
      </c>
      <c r="BD43" s="78"/>
      <c r="BE43" s="77"/>
      <c r="BF43" s="77">
        <v>0</v>
      </c>
      <c r="BG43" s="319">
        <v>0</v>
      </c>
      <c r="BH43" s="703"/>
      <c r="BI43" s="703"/>
      <c r="BJ43" s="693">
        <v>0</v>
      </c>
      <c r="BK43" s="700">
        <v>37</v>
      </c>
      <c r="BL43" s="701" t="s">
        <v>37</v>
      </c>
      <c r="BM43" s="669">
        <v>0</v>
      </c>
      <c r="BN43" s="708"/>
      <c r="BO43" s="691"/>
      <c r="BP43" s="696"/>
      <c r="BQ43" s="75"/>
      <c r="BR43" s="696"/>
      <c r="BS43" s="669">
        <v>0</v>
      </c>
      <c r="BT43" s="218">
        <v>0</v>
      </c>
      <c r="BU43" s="78">
        <v>0</v>
      </c>
      <c r="BV43" s="76"/>
      <c r="BW43" s="691"/>
      <c r="BX43" s="698"/>
      <c r="BY43" s="691"/>
      <c r="BZ43" s="698"/>
      <c r="CA43" s="691"/>
      <c r="CB43" s="78">
        <v>0</v>
      </c>
      <c r="CC43" s="95" t="e">
        <v>#DIV/0!</v>
      </c>
      <c r="CD43" s="95" t="e">
        <v>#DIV/0!</v>
      </c>
      <c r="CE43" s="97" t="e">
        <v>#DIV/0!</v>
      </c>
      <c r="CF43" s="98" t="e">
        <v>#DIV/0!</v>
      </c>
      <c r="CG43" s="700">
        <v>37</v>
      </c>
      <c r="CH43" s="701" t="s">
        <v>37</v>
      </c>
      <c r="CI43" s="78"/>
      <c r="CJ43" s="77"/>
      <c r="CK43" s="77">
        <v>0</v>
      </c>
      <c r="CL43" s="319">
        <v>0</v>
      </c>
      <c r="CM43" s="703"/>
      <c r="CN43" s="703"/>
      <c r="CO43" s="693">
        <v>0</v>
      </c>
    </row>
    <row r="44" spans="1:93" s="26" customFormat="1" ht="15" customHeight="1" thickTop="1" thickBot="1" x14ac:dyDescent="0.25">
      <c r="A44" s="1787" t="s">
        <v>240</v>
      </c>
      <c r="B44" s="1788"/>
      <c r="C44" s="223">
        <v>1161028</v>
      </c>
      <c r="D44" s="223"/>
      <c r="E44" s="90">
        <v>287792</v>
      </c>
      <c r="F44" s="223"/>
      <c r="G44" s="90">
        <v>126948</v>
      </c>
      <c r="H44" s="223"/>
      <c r="I44" s="90">
        <v>127051</v>
      </c>
      <c r="J44" s="88">
        <v>541791</v>
      </c>
      <c r="K44" s="88">
        <v>1729943</v>
      </c>
      <c r="L44" s="223"/>
      <c r="M44" s="90">
        <v>358790</v>
      </c>
      <c r="N44" s="223"/>
      <c r="O44" s="90">
        <v>214876</v>
      </c>
      <c r="P44" s="223"/>
      <c r="Q44" s="90">
        <v>219241</v>
      </c>
      <c r="R44" s="223">
        <v>792907</v>
      </c>
      <c r="S44" s="91">
        <v>0.24790000000000001</v>
      </c>
      <c r="T44" s="92">
        <v>0.10929999999999999</v>
      </c>
      <c r="U44" s="93">
        <v>0.1094</v>
      </c>
      <c r="V44" s="94">
        <v>0.46660000000000001</v>
      </c>
      <c r="W44" s="1787" t="s">
        <v>240</v>
      </c>
      <c r="X44" s="1788"/>
      <c r="Y44" s="223">
        <v>8999713859</v>
      </c>
      <c r="Z44" s="223">
        <v>3624363871</v>
      </c>
      <c r="AA44" s="223">
        <v>1470253656</v>
      </c>
      <c r="AB44" s="223">
        <v>14094331386</v>
      </c>
      <c r="AC44" s="223">
        <v>1452537</v>
      </c>
      <c r="AD44" s="223">
        <v>9315889405</v>
      </c>
      <c r="AE44" s="280">
        <v>23410220791</v>
      </c>
      <c r="AF44" s="1787" t="s">
        <v>240</v>
      </c>
      <c r="AG44" s="1788"/>
      <c r="AH44" s="223">
        <v>1161028</v>
      </c>
      <c r="AI44" s="223"/>
      <c r="AJ44" s="90">
        <v>287792</v>
      </c>
      <c r="AK44" s="223"/>
      <c r="AL44" s="90">
        <v>126948</v>
      </c>
      <c r="AM44" s="223"/>
      <c r="AN44" s="90">
        <v>127051</v>
      </c>
      <c r="AO44" s="88">
        <v>541791</v>
      </c>
      <c r="AP44" s="88">
        <v>1729943</v>
      </c>
      <c r="AQ44" s="223"/>
      <c r="AR44" s="90">
        <v>367328</v>
      </c>
      <c r="AS44" s="223"/>
      <c r="AT44" s="90">
        <v>215300</v>
      </c>
      <c r="AU44" s="223"/>
      <c r="AV44" s="90">
        <v>224811</v>
      </c>
      <c r="AW44" s="223">
        <v>807439</v>
      </c>
      <c r="AX44" s="91">
        <v>0.24790000000000001</v>
      </c>
      <c r="AY44" s="91">
        <v>0.10929999999999999</v>
      </c>
      <c r="AZ44" s="93">
        <v>0.1094</v>
      </c>
      <c r="BA44" s="94">
        <v>0.46660000000000001</v>
      </c>
      <c r="BB44" s="1787" t="s">
        <v>240</v>
      </c>
      <c r="BC44" s="1788"/>
      <c r="BD44" s="89">
        <v>3087194282</v>
      </c>
      <c r="BE44" s="89">
        <v>1246021813</v>
      </c>
      <c r="BF44" s="89">
        <v>504696024</v>
      </c>
      <c r="BG44" s="227">
        <v>4837912119</v>
      </c>
      <c r="BH44" s="278">
        <v>539351</v>
      </c>
      <c r="BI44" s="227">
        <v>3161683088</v>
      </c>
      <c r="BJ44" s="279">
        <v>7999595207</v>
      </c>
      <c r="BK44" s="1787" t="s">
        <v>240</v>
      </c>
      <c r="BL44" s="1788"/>
      <c r="BM44" s="89">
        <v>488237</v>
      </c>
      <c r="BN44" s="228"/>
      <c r="BO44" s="89">
        <v>120609</v>
      </c>
      <c r="BP44" s="227"/>
      <c r="BQ44" s="89">
        <v>49137</v>
      </c>
      <c r="BR44" s="228"/>
      <c r="BS44" s="89">
        <v>43390</v>
      </c>
      <c r="BT44" s="89">
        <v>213136</v>
      </c>
      <c r="BU44" s="278">
        <v>565428</v>
      </c>
      <c r="BV44" s="228"/>
      <c r="BW44" s="89">
        <v>129660</v>
      </c>
      <c r="BX44" s="228"/>
      <c r="BY44" s="89">
        <v>58477</v>
      </c>
      <c r="BZ44" s="228"/>
      <c r="CA44" s="89">
        <v>52149</v>
      </c>
      <c r="CB44" s="89">
        <v>240286</v>
      </c>
      <c r="CC44" s="91">
        <v>0.247</v>
      </c>
      <c r="CD44" s="91">
        <v>0.10059999999999999</v>
      </c>
      <c r="CE44" s="93">
        <v>8.8900000000000007E-2</v>
      </c>
      <c r="CF44" s="94">
        <v>0.4365</v>
      </c>
      <c r="CG44" s="1787" t="s">
        <v>240</v>
      </c>
      <c r="CH44" s="1788"/>
      <c r="CI44" s="89">
        <v>1307909158</v>
      </c>
      <c r="CJ44" s="89">
        <v>414937538</v>
      </c>
      <c r="CK44" s="89">
        <v>147728822</v>
      </c>
      <c r="CL44" s="227">
        <v>1870575518</v>
      </c>
      <c r="CM44" s="278">
        <v>588402</v>
      </c>
      <c r="CN44" s="227">
        <v>1166816015</v>
      </c>
      <c r="CO44" s="279">
        <v>3037391533</v>
      </c>
    </row>
    <row r="45" spans="1:93" s="26" customFormat="1" ht="15" customHeight="1" thickTop="1" thickBot="1" x14ac:dyDescent="0.25">
      <c r="A45" s="1746" t="s">
        <v>241</v>
      </c>
      <c r="B45" s="1747"/>
      <c r="C45" s="224">
        <v>45015</v>
      </c>
      <c r="D45" s="224"/>
      <c r="E45" s="226">
        <v>10566</v>
      </c>
      <c r="F45" s="224"/>
      <c r="G45" s="226">
        <v>5759</v>
      </c>
      <c r="H45" s="224"/>
      <c r="I45" s="226">
        <v>5605</v>
      </c>
      <c r="J45" s="277">
        <v>21930</v>
      </c>
      <c r="K45" s="277">
        <v>70686</v>
      </c>
      <c r="L45" s="224"/>
      <c r="M45" s="226">
        <v>13701</v>
      </c>
      <c r="N45" s="224"/>
      <c r="O45" s="226">
        <v>10115</v>
      </c>
      <c r="P45" s="224"/>
      <c r="Q45" s="226">
        <v>9814</v>
      </c>
      <c r="R45" s="224">
        <v>33630</v>
      </c>
      <c r="S45" s="95">
        <v>0.23469999999999999</v>
      </c>
      <c r="T45" s="96">
        <v>0.12790000000000001</v>
      </c>
      <c r="U45" s="97">
        <v>0.1245</v>
      </c>
      <c r="V45" s="98">
        <v>0.48720000000000002</v>
      </c>
      <c r="W45" s="1746" t="s">
        <v>241</v>
      </c>
      <c r="X45" s="1747"/>
      <c r="Y45" s="224">
        <v>373678555</v>
      </c>
      <c r="Z45" s="224">
        <v>172481252</v>
      </c>
      <c r="AA45" s="224">
        <v>66881673</v>
      </c>
      <c r="AB45" s="224">
        <v>613041480</v>
      </c>
      <c r="AC45" s="224">
        <v>1057409</v>
      </c>
      <c r="AD45" s="224">
        <v>355279140</v>
      </c>
      <c r="AE45" s="704">
        <v>968320620</v>
      </c>
      <c r="AF45" s="1746" t="s">
        <v>241</v>
      </c>
      <c r="AG45" s="1747"/>
      <c r="AH45" s="224">
        <v>45015</v>
      </c>
      <c r="AI45" s="224"/>
      <c r="AJ45" s="226">
        <v>10566</v>
      </c>
      <c r="AK45" s="224"/>
      <c r="AL45" s="226">
        <v>5759</v>
      </c>
      <c r="AM45" s="224"/>
      <c r="AN45" s="226">
        <v>5605</v>
      </c>
      <c r="AO45" s="277">
        <v>21930</v>
      </c>
      <c r="AP45" s="277">
        <v>70686</v>
      </c>
      <c r="AQ45" s="224"/>
      <c r="AR45" s="226">
        <v>13989</v>
      </c>
      <c r="AS45" s="224"/>
      <c r="AT45" s="226">
        <v>10100</v>
      </c>
      <c r="AU45" s="224"/>
      <c r="AV45" s="226">
        <v>10149</v>
      </c>
      <c r="AW45" s="88">
        <v>43636</v>
      </c>
      <c r="AX45" s="95">
        <v>0.23469999999999999</v>
      </c>
      <c r="AY45" s="95">
        <v>0.12790000000000001</v>
      </c>
      <c r="AZ45" s="97">
        <v>0.1245</v>
      </c>
      <c r="BA45" s="98">
        <v>0.48720000000000002</v>
      </c>
      <c r="BB45" s="1746" t="s">
        <v>241</v>
      </c>
      <c r="BC45" s="1747"/>
      <c r="BD45" s="90">
        <v>138166649</v>
      </c>
      <c r="BE45" s="90">
        <v>64668431</v>
      </c>
      <c r="BF45" s="90">
        <v>25158899</v>
      </c>
      <c r="BG45" s="225">
        <v>227993979</v>
      </c>
      <c r="BH45" s="88">
        <v>369072</v>
      </c>
      <c r="BI45" s="225">
        <v>134381069</v>
      </c>
      <c r="BJ45" s="280">
        <v>362375048</v>
      </c>
      <c r="BK45" s="1746" t="s">
        <v>241</v>
      </c>
      <c r="BL45" s="1747"/>
      <c r="BM45" s="90">
        <v>18698</v>
      </c>
      <c r="BN45" s="223"/>
      <c r="BO45" s="90">
        <v>4333</v>
      </c>
      <c r="BP45" s="225"/>
      <c r="BQ45" s="90">
        <v>2166</v>
      </c>
      <c r="BR45" s="223"/>
      <c r="BS45" s="90">
        <v>1853</v>
      </c>
      <c r="BT45" s="90">
        <v>8352</v>
      </c>
      <c r="BU45" s="88">
        <v>22090</v>
      </c>
      <c r="BV45" s="223"/>
      <c r="BW45" s="90">
        <v>4733</v>
      </c>
      <c r="BX45" s="223"/>
      <c r="BY45" s="90">
        <v>2614</v>
      </c>
      <c r="BZ45" s="223"/>
      <c r="CA45" s="90">
        <v>2208</v>
      </c>
      <c r="CB45" s="90">
        <v>9555</v>
      </c>
      <c r="CC45" s="95">
        <v>0.23169999999999999</v>
      </c>
      <c r="CD45" s="95">
        <v>0.1158</v>
      </c>
      <c r="CE45" s="97">
        <v>9.9099999999999994E-2</v>
      </c>
      <c r="CF45" s="98">
        <v>0.44669999999999999</v>
      </c>
      <c r="CG45" s="1746" t="s">
        <v>241</v>
      </c>
      <c r="CH45" s="1747"/>
      <c r="CI45" s="90">
        <v>47920955</v>
      </c>
      <c r="CJ45" s="90">
        <v>18281453</v>
      </c>
      <c r="CK45" s="90">
        <v>6258495</v>
      </c>
      <c r="CL45" s="225">
        <v>72460903</v>
      </c>
      <c r="CM45" s="88">
        <v>412475</v>
      </c>
      <c r="CN45" s="225">
        <v>40927150</v>
      </c>
      <c r="CO45" s="280">
        <v>113388053</v>
      </c>
    </row>
    <row r="46" spans="1:93" s="26" customFormat="1" ht="15" customHeight="1" thickTop="1" thickBot="1" x14ac:dyDescent="0.25">
      <c r="A46" s="1744" t="s">
        <v>242</v>
      </c>
      <c r="B46" s="1745"/>
      <c r="C46" s="99">
        <v>1206043</v>
      </c>
      <c r="D46" s="100"/>
      <c r="E46" s="102">
        <v>298358</v>
      </c>
      <c r="F46" s="100"/>
      <c r="G46" s="104">
        <v>132707</v>
      </c>
      <c r="H46" s="105"/>
      <c r="I46" s="106">
        <v>132656</v>
      </c>
      <c r="J46" s="99">
        <v>563721</v>
      </c>
      <c r="K46" s="99">
        <v>1800629</v>
      </c>
      <c r="L46" s="100"/>
      <c r="M46" s="101">
        <v>372491</v>
      </c>
      <c r="N46" s="107"/>
      <c r="O46" s="102">
        <v>224991</v>
      </c>
      <c r="P46" s="107"/>
      <c r="Q46" s="108">
        <v>229055</v>
      </c>
      <c r="R46" s="109">
        <v>826537</v>
      </c>
      <c r="S46" s="110">
        <v>0.24740000000000001</v>
      </c>
      <c r="T46" s="111">
        <v>0.11</v>
      </c>
      <c r="U46" s="112">
        <v>0.11</v>
      </c>
      <c r="V46" s="113">
        <v>0.46739999999999998</v>
      </c>
      <c r="W46" s="1744" t="s">
        <v>242</v>
      </c>
      <c r="X46" s="1745"/>
      <c r="Y46" s="99">
        <v>9373392414</v>
      </c>
      <c r="Z46" s="103">
        <v>3796845123</v>
      </c>
      <c r="AA46" s="103">
        <v>1537135329</v>
      </c>
      <c r="AB46" s="114">
        <v>14707372866</v>
      </c>
      <c r="AC46" s="103">
        <v>2509946</v>
      </c>
      <c r="AD46" s="114">
        <v>9671168545</v>
      </c>
      <c r="AE46" s="281">
        <v>24378541411</v>
      </c>
      <c r="AF46" s="1744" t="s">
        <v>242</v>
      </c>
      <c r="AG46" s="1745"/>
      <c r="AH46" s="102">
        <v>1206043</v>
      </c>
      <c r="AI46" s="107"/>
      <c r="AJ46" s="102">
        <v>298358</v>
      </c>
      <c r="AK46" s="100"/>
      <c r="AL46" s="102">
        <v>132707</v>
      </c>
      <c r="AM46" s="105"/>
      <c r="AN46" s="102">
        <v>132656</v>
      </c>
      <c r="AO46" s="99">
        <v>563721</v>
      </c>
      <c r="AP46" s="99">
        <v>1800629</v>
      </c>
      <c r="AQ46" s="100"/>
      <c r="AR46" s="101">
        <v>381317</v>
      </c>
      <c r="AS46" s="107"/>
      <c r="AT46" s="102">
        <v>225400</v>
      </c>
      <c r="AU46" s="107"/>
      <c r="AV46" s="108">
        <v>234960</v>
      </c>
      <c r="AW46" s="99">
        <v>851075</v>
      </c>
      <c r="AX46" s="110">
        <v>0.24740000000000001</v>
      </c>
      <c r="AY46" s="110">
        <v>0.11</v>
      </c>
      <c r="AZ46" s="112">
        <v>0.11</v>
      </c>
      <c r="BA46" s="113">
        <v>0.46739999999999998</v>
      </c>
      <c r="BB46" s="1744" t="s">
        <v>242</v>
      </c>
      <c r="BC46" s="1745"/>
      <c r="BD46" s="102">
        <v>3225360931</v>
      </c>
      <c r="BE46" s="103">
        <v>1310690244</v>
      </c>
      <c r="BF46" s="103">
        <v>529854923</v>
      </c>
      <c r="BG46" s="114">
        <v>5065906098</v>
      </c>
      <c r="BH46" s="103">
        <v>908423</v>
      </c>
      <c r="BI46" s="114">
        <v>3296064157</v>
      </c>
      <c r="BJ46" s="281">
        <v>8361970255</v>
      </c>
      <c r="BK46" s="1744" t="s">
        <v>242</v>
      </c>
      <c r="BL46" s="1745"/>
      <c r="BM46" s="102">
        <v>506935</v>
      </c>
      <c r="BN46" s="107"/>
      <c r="BO46" s="102">
        <v>124942</v>
      </c>
      <c r="BP46" s="100"/>
      <c r="BQ46" s="102">
        <v>51303</v>
      </c>
      <c r="BR46" s="100"/>
      <c r="BS46" s="102">
        <v>45243</v>
      </c>
      <c r="BT46" s="99">
        <v>221488</v>
      </c>
      <c r="BU46" s="99">
        <v>587518</v>
      </c>
      <c r="BV46" s="100"/>
      <c r="BW46" s="101">
        <v>134393</v>
      </c>
      <c r="BX46" s="107"/>
      <c r="BY46" s="102">
        <v>61091</v>
      </c>
      <c r="BZ46" s="107"/>
      <c r="CA46" s="102">
        <v>54357</v>
      </c>
      <c r="CB46" s="99">
        <v>249841</v>
      </c>
      <c r="CC46" s="110">
        <v>0.2465</v>
      </c>
      <c r="CD46" s="110">
        <v>0.1012</v>
      </c>
      <c r="CE46" s="112">
        <v>8.9200000000000002E-2</v>
      </c>
      <c r="CF46" s="113">
        <v>0.43690000000000001</v>
      </c>
      <c r="CG46" s="1744" t="s">
        <v>242</v>
      </c>
      <c r="CH46" s="1745"/>
      <c r="CI46" s="102">
        <v>1355830113</v>
      </c>
      <c r="CJ46" s="103">
        <v>433218991</v>
      </c>
      <c r="CK46" s="103">
        <v>153987317</v>
      </c>
      <c r="CL46" s="114">
        <v>1943036421</v>
      </c>
      <c r="CM46" s="103">
        <v>1000877</v>
      </c>
      <c r="CN46" s="114">
        <v>1207743165</v>
      </c>
      <c r="CO46" s="281">
        <v>3150779586</v>
      </c>
    </row>
    <row r="47" spans="1:93" s="26" customFormat="1" ht="14.25" customHeight="1" x14ac:dyDescent="0.15">
      <c r="B47" s="1379"/>
      <c r="X47" s="1379"/>
      <c r="Y47" s="1380"/>
      <c r="Z47" s="1380"/>
      <c r="AA47" s="1380"/>
      <c r="AB47" s="1380"/>
      <c r="AC47" s="1380"/>
      <c r="AD47" s="1380"/>
      <c r="AE47" s="1380"/>
      <c r="AG47" s="1379"/>
      <c r="BC47" s="1379"/>
      <c r="BD47" s="1380"/>
      <c r="BE47" s="1380"/>
      <c r="BF47" s="1380"/>
      <c r="BG47" s="1380"/>
      <c r="BH47" s="1380"/>
      <c r="BI47" s="1380"/>
      <c r="BJ47" s="1380"/>
      <c r="BL47" s="1379"/>
      <c r="CH47" s="1379"/>
      <c r="CI47" s="1380"/>
      <c r="CJ47" s="1380"/>
      <c r="CK47" s="1380"/>
      <c r="CL47" s="1380"/>
      <c r="CM47" s="1380"/>
      <c r="CN47" s="1380"/>
      <c r="CO47" s="1380"/>
    </row>
    <row r="48" spans="1:93" ht="18" customHeight="1" x14ac:dyDescent="0.15">
      <c r="A48" s="1381"/>
      <c r="Y48" s="1376"/>
      <c r="Z48" s="1376"/>
      <c r="AA48" s="1376"/>
      <c r="AB48" s="1376"/>
      <c r="AC48" s="1376"/>
      <c r="AD48" s="1376"/>
      <c r="AE48" s="1376"/>
      <c r="AF48" s="1376"/>
      <c r="AG48" s="1376"/>
      <c r="AH48" s="1376"/>
      <c r="AI48" s="1376"/>
      <c r="AJ48" s="1376"/>
      <c r="AK48" s="1376"/>
      <c r="AL48" s="1376"/>
      <c r="AM48" s="1376"/>
      <c r="AN48" s="1376"/>
      <c r="AO48" s="1376"/>
      <c r="AP48" s="1376"/>
      <c r="AQ48" s="1376"/>
      <c r="AR48" s="1376"/>
      <c r="AS48" s="1376"/>
      <c r="AT48" s="1376"/>
      <c r="AU48" s="1376"/>
      <c r="AV48" s="1376"/>
      <c r="AW48" s="1376"/>
      <c r="AX48" s="1376"/>
      <c r="AY48" s="1376"/>
      <c r="AZ48" s="1376"/>
      <c r="BA48" s="1376"/>
      <c r="BB48" s="1376"/>
      <c r="BC48" s="1376"/>
      <c r="BD48" s="1380"/>
      <c r="BE48" s="1382"/>
      <c r="BF48" s="1382"/>
      <c r="BG48" s="1376"/>
      <c r="BH48" s="1818"/>
      <c r="BI48" s="1818"/>
      <c r="BJ48" s="1376"/>
      <c r="CI48" s="1818"/>
      <c r="CJ48" s="1818"/>
      <c r="CK48" s="1818"/>
      <c r="CL48" s="1376"/>
      <c r="CM48" s="1818"/>
      <c r="CN48" s="1818"/>
      <c r="CO48" s="1376"/>
    </row>
    <row r="49" spans="3:95" s="1378" customFormat="1" ht="34.35" customHeight="1" x14ac:dyDescent="0.15">
      <c r="C49" s="1367"/>
      <c r="E49" s="1367"/>
      <c r="G49" s="1367"/>
      <c r="I49" s="1367"/>
      <c r="J49" s="1367"/>
      <c r="K49" s="1367"/>
      <c r="M49" s="1367"/>
      <c r="O49" s="1367"/>
      <c r="Q49" s="1367"/>
      <c r="R49" s="1367"/>
      <c r="S49" s="1367"/>
      <c r="T49" s="1367"/>
      <c r="U49" s="1367"/>
      <c r="V49" s="1367"/>
      <c r="Y49" s="1765"/>
      <c r="Z49" s="1766"/>
      <c r="AA49" s="1766"/>
      <c r="AB49" s="1367"/>
      <c r="AC49" s="1765"/>
      <c r="AD49" s="1766"/>
      <c r="AE49" s="1367"/>
      <c r="AF49" s="1377"/>
      <c r="AG49" s="1377"/>
      <c r="AH49" s="1367"/>
      <c r="AI49" s="1377"/>
      <c r="AJ49" s="1367"/>
      <c r="AK49" s="1377"/>
      <c r="AL49" s="1367"/>
      <c r="AM49" s="1377"/>
      <c r="AN49" s="1367"/>
      <c r="AO49" s="1383"/>
      <c r="AP49" s="1383"/>
      <c r="AQ49" s="1377"/>
      <c r="AR49" s="1367"/>
      <c r="AS49" s="1377"/>
      <c r="AT49" s="1367"/>
      <c r="AU49" s="1377"/>
      <c r="AV49" s="1367"/>
      <c r="AW49" s="1367"/>
      <c r="AX49" s="1367"/>
      <c r="AY49" s="1367"/>
      <c r="AZ49" s="1367"/>
      <c r="BA49" s="1367"/>
      <c r="BB49" s="1377"/>
      <c r="BC49" s="1377"/>
      <c r="BD49" s="1384"/>
      <c r="BE49" s="1384"/>
      <c r="BF49" s="1384"/>
      <c r="BG49" s="1367"/>
      <c r="BH49" s="1765"/>
      <c r="BI49" s="1766"/>
      <c r="BJ49" s="1367"/>
      <c r="BM49" s="1367"/>
      <c r="BO49" s="1367"/>
      <c r="BQ49" s="1367"/>
      <c r="BS49" s="1367"/>
      <c r="BT49" s="1367"/>
      <c r="BU49" s="1367"/>
      <c r="BW49" s="1367"/>
      <c r="BY49" s="1367"/>
      <c r="CA49" s="1367"/>
      <c r="CB49" s="1367"/>
      <c r="CC49" s="1367"/>
      <c r="CD49" s="1367"/>
      <c r="CE49" s="1367"/>
      <c r="CF49" s="1367"/>
      <c r="CI49" s="1367"/>
      <c r="CJ49" s="1367"/>
      <c r="CK49" s="1367"/>
      <c r="CL49" s="1367"/>
      <c r="CM49" s="1765"/>
      <c r="CN49" s="1766"/>
      <c r="CO49" s="1367"/>
    </row>
    <row r="50" spans="3:95" s="1378" customFormat="1" ht="18" customHeight="1" x14ac:dyDescent="0.15">
      <c r="W50" s="1369"/>
      <c r="X50" s="1369"/>
      <c r="Y50" s="1385"/>
      <c r="Z50" s="1385"/>
      <c r="AA50" s="1385"/>
      <c r="AB50" s="1377"/>
      <c r="AC50" s="1367"/>
      <c r="AD50" s="1367"/>
      <c r="AE50" s="1377"/>
      <c r="AF50" s="1377"/>
      <c r="AG50" s="1377"/>
      <c r="AH50" s="1377"/>
      <c r="AI50" s="1377"/>
      <c r="AJ50" s="1377"/>
      <c r="AK50" s="1377"/>
      <c r="AL50" s="1377"/>
      <c r="AM50" s="1377"/>
      <c r="AN50" s="1377"/>
      <c r="AO50" s="1377"/>
      <c r="AP50" s="1377"/>
      <c r="AQ50" s="1377"/>
      <c r="AR50" s="1377"/>
      <c r="AS50" s="1377"/>
      <c r="AT50" s="1377"/>
      <c r="AU50" s="1377"/>
      <c r="AV50" s="1377"/>
      <c r="AW50" s="1377"/>
      <c r="AX50" s="1377"/>
      <c r="AY50" s="1377"/>
      <c r="AZ50" s="1377"/>
      <c r="BA50" s="1377"/>
      <c r="BB50" s="1377"/>
      <c r="BC50" s="1377"/>
      <c r="BD50" s="1377"/>
      <c r="BE50" s="1377"/>
      <c r="BF50" s="1377"/>
      <c r="BG50" s="1377"/>
      <c r="BH50" s="1367"/>
      <c r="BI50" s="1367"/>
      <c r="BJ50" s="1377"/>
      <c r="CL50" s="1377"/>
      <c r="CM50" s="1367"/>
      <c r="CN50" s="1367"/>
      <c r="CO50" s="1377"/>
    </row>
    <row r="51" spans="3:95" ht="18" customHeight="1" x14ac:dyDescent="0.15">
      <c r="W51" s="1371"/>
      <c r="X51" s="1371"/>
      <c r="Y51" s="1386"/>
      <c r="Z51" s="1376"/>
      <c r="AA51" s="1376"/>
      <c r="AB51" s="1376"/>
      <c r="AC51" s="1376"/>
      <c r="AD51" s="1376"/>
      <c r="AE51" s="1376"/>
      <c r="AF51" s="1376"/>
      <c r="AG51" s="1376"/>
      <c r="AH51" s="1376"/>
      <c r="AI51" s="1376"/>
      <c r="AJ51" s="1376"/>
      <c r="AK51" s="1376"/>
      <c r="AL51" s="1376"/>
      <c r="AM51" s="1376"/>
      <c r="AN51" s="1376"/>
      <c r="AO51" s="1376"/>
      <c r="AP51" s="1376"/>
      <c r="AQ51" s="1376"/>
      <c r="AR51" s="1376"/>
      <c r="AS51" s="1376"/>
      <c r="AT51" s="1376"/>
      <c r="AU51" s="1376"/>
      <c r="AV51" s="1376"/>
      <c r="AW51" s="1376"/>
      <c r="AX51" s="1376"/>
      <c r="AY51" s="1376"/>
      <c r="AZ51" s="1376"/>
      <c r="BA51" s="1376"/>
      <c r="BB51" s="1376"/>
      <c r="BC51" s="1376"/>
      <c r="BD51" s="1376"/>
      <c r="BE51" s="1376"/>
      <c r="BF51" s="1376"/>
      <c r="BG51" s="1376"/>
      <c r="BH51" s="1376"/>
      <c r="BI51" s="1376"/>
      <c r="BJ51" s="1376"/>
      <c r="CI51" s="1376"/>
      <c r="CJ51" s="1376"/>
      <c r="CK51" s="1376"/>
      <c r="CL51" s="1376"/>
      <c r="CM51" s="1376"/>
      <c r="CN51" s="1376"/>
      <c r="CO51" s="1376"/>
    </row>
    <row r="52" spans="3:95" ht="18" customHeight="1" x14ac:dyDescent="0.15">
      <c r="W52" s="1371"/>
      <c r="X52" s="1371"/>
      <c r="AF52" s="1376"/>
      <c r="AG52" s="1376"/>
    </row>
    <row r="53" spans="3:95" ht="18" customHeight="1" x14ac:dyDescent="0.15">
      <c r="W53" s="1371"/>
      <c r="X53" s="1371"/>
      <c r="AF53" s="1376"/>
      <c r="AG53" s="1376"/>
    </row>
    <row r="54" spans="3:95" ht="18" customHeight="1" x14ac:dyDescent="0.15">
      <c r="W54" s="1371"/>
      <c r="X54" s="1371"/>
      <c r="AF54" s="1376"/>
      <c r="AG54" s="1376"/>
    </row>
    <row r="55" spans="3:95" ht="18" customHeight="1" x14ac:dyDescent="0.15">
      <c r="W55" s="1371"/>
      <c r="X55" s="1371"/>
      <c r="AF55" s="1376"/>
      <c r="AG55" s="1376"/>
    </row>
    <row r="56" spans="3:95" ht="18" customHeight="1" x14ac:dyDescent="0.15">
      <c r="W56" s="1371"/>
      <c r="X56" s="1371"/>
      <c r="AF56" s="1376"/>
      <c r="AG56" s="1376"/>
    </row>
    <row r="57" spans="3:95" ht="18" customHeight="1" thickBot="1" x14ac:dyDescent="0.2">
      <c r="W57" s="1371"/>
      <c r="X57" s="1371"/>
      <c r="Y57" s="1386"/>
      <c r="Z57" s="1376"/>
      <c r="AA57" s="1376"/>
      <c r="AB57" s="1376"/>
      <c r="AC57" s="1376"/>
      <c r="AD57" s="1376"/>
      <c r="AE57" s="1376"/>
      <c r="AF57" s="1376"/>
      <c r="AG57" s="1376"/>
      <c r="AH57" s="1376"/>
      <c r="AI57" s="1376"/>
      <c r="AJ57" s="1376"/>
      <c r="AK57" s="1376"/>
      <c r="AL57" s="1376"/>
      <c r="AM57" s="1376"/>
      <c r="AN57" s="1376"/>
      <c r="AO57" s="1376"/>
      <c r="AP57" s="1376"/>
      <c r="AQ57" s="1376"/>
      <c r="AR57" s="1376"/>
      <c r="AS57" s="1376"/>
      <c r="AT57" s="1376"/>
      <c r="AU57" s="1376"/>
      <c r="AV57" s="1376"/>
      <c r="AW57" s="1376"/>
      <c r="AX57" s="1376"/>
      <c r="AY57" s="1376"/>
      <c r="AZ57" s="1376"/>
      <c r="BA57" s="1376"/>
      <c r="BB57" s="1376"/>
      <c r="BC57" s="1376"/>
      <c r="BD57" s="1376"/>
      <c r="BE57" s="1376"/>
      <c r="BF57" s="1376"/>
      <c r="BG57" s="1376"/>
      <c r="BH57" s="1376"/>
      <c r="BI57" s="1376"/>
      <c r="BJ57" s="1376"/>
      <c r="CI57" s="1376"/>
      <c r="CJ57" s="1376"/>
      <c r="CK57" s="1376"/>
      <c r="CL57" s="1376"/>
      <c r="CM57" s="1376"/>
      <c r="CN57" s="1376"/>
      <c r="CO57" s="1376"/>
    </row>
    <row r="58" spans="3:95" ht="18" customHeight="1" thickBot="1" x14ac:dyDescent="0.2">
      <c r="W58" s="1371"/>
      <c r="X58" s="1762"/>
      <c r="Y58" s="1763"/>
      <c r="Z58" s="1763"/>
      <c r="AA58" s="1763"/>
      <c r="AB58" s="1763"/>
      <c r="AC58" s="1763"/>
      <c r="AD58" s="1763"/>
      <c r="AE58" s="1763"/>
      <c r="AF58" s="1764"/>
      <c r="AG58" s="1376"/>
      <c r="AH58" s="1376"/>
      <c r="AI58" s="1376"/>
      <c r="AJ58" s="1376"/>
      <c r="AK58" s="1376"/>
      <c r="AL58" s="1376"/>
      <c r="AM58" s="1376"/>
      <c r="AN58" s="1376"/>
      <c r="AO58" s="1376"/>
      <c r="AP58" s="1376"/>
      <c r="AQ58" s="1376"/>
      <c r="AR58" s="1376"/>
      <c r="AS58" s="1376"/>
      <c r="AT58" s="1376"/>
      <c r="AU58" s="1376"/>
      <c r="AV58" s="1376"/>
      <c r="AW58" s="1376"/>
      <c r="AX58" s="1376"/>
      <c r="AY58" s="1376"/>
      <c r="AZ58" s="1376"/>
      <c r="BA58" s="1376"/>
      <c r="BB58" s="1376"/>
      <c r="BC58" s="1376"/>
      <c r="BD58" s="1376"/>
      <c r="BE58" s="1376"/>
      <c r="BF58" s="1376"/>
      <c r="BG58" s="1376"/>
      <c r="BH58" s="1376"/>
      <c r="BI58" s="1376"/>
      <c r="BJ58" s="1376"/>
      <c r="CI58" s="1376"/>
      <c r="CJ58" s="1376"/>
      <c r="CK58" s="1376"/>
      <c r="CL58" s="1376"/>
      <c r="CM58" s="1376"/>
      <c r="CN58" s="1376"/>
      <c r="CO58" s="1376"/>
    </row>
    <row r="59" spans="3:95" ht="18" customHeight="1" x14ac:dyDescent="0.15">
      <c r="W59" s="1371"/>
      <c r="X59" s="1387"/>
      <c r="Y59" s="1387"/>
      <c r="Z59" s="1387"/>
      <c r="AA59" s="1387"/>
      <c r="AB59" s="1387"/>
      <c r="AC59" s="1387"/>
      <c r="AD59" s="1387"/>
      <c r="AE59" s="1387"/>
      <c r="AF59" s="1388"/>
      <c r="AG59" s="1376"/>
      <c r="AH59" s="1376"/>
      <c r="AI59" s="1376"/>
      <c r="AJ59" s="1376"/>
      <c r="AK59" s="1376"/>
      <c r="AL59" s="1376"/>
      <c r="AM59" s="1376"/>
      <c r="AN59" s="1376"/>
      <c r="AO59" s="1376"/>
      <c r="AP59" s="1376"/>
      <c r="AQ59" s="1376"/>
      <c r="AR59" s="1376"/>
      <c r="AS59" s="1376"/>
      <c r="AT59" s="1376"/>
      <c r="AU59" s="1376"/>
      <c r="AV59" s="1376"/>
      <c r="AW59" s="1376"/>
      <c r="AX59" s="1376"/>
      <c r="AY59" s="1376"/>
      <c r="AZ59" s="1376"/>
      <c r="BA59" s="1376"/>
      <c r="BB59" s="1376"/>
      <c r="BC59" s="1376"/>
      <c r="BD59" s="1376"/>
      <c r="BE59" s="1376"/>
      <c r="BF59" s="1376"/>
      <c r="BG59" s="1376"/>
      <c r="BH59" s="1376"/>
      <c r="BI59" s="1376"/>
      <c r="BJ59" s="1376"/>
      <c r="BK59" s="1376"/>
      <c r="BL59" s="1376"/>
      <c r="CJ59" s="1376"/>
      <c r="CK59" s="1376"/>
      <c r="CL59" s="1376"/>
      <c r="CM59" s="1376"/>
      <c r="CN59" s="1376"/>
      <c r="CO59" s="1376"/>
      <c r="CP59" s="1376"/>
      <c r="CQ59" s="1376"/>
    </row>
    <row r="60" spans="3:95" ht="18" customHeight="1" x14ac:dyDescent="0.15">
      <c r="W60" s="1371"/>
      <c r="X60" s="1371"/>
      <c r="Y60" s="1386"/>
      <c r="Z60" s="1386"/>
      <c r="AA60" s="1376"/>
      <c r="AB60" s="1376"/>
      <c r="AC60" s="1376"/>
      <c r="AD60" s="1376"/>
      <c r="AE60" s="1376"/>
      <c r="AF60" s="1389"/>
      <c r="AG60" s="1376"/>
      <c r="AH60" s="1376"/>
      <c r="AI60" s="1376"/>
      <c r="AJ60" s="1376"/>
      <c r="AK60" s="1376"/>
      <c r="AL60" s="1376"/>
      <c r="AM60" s="1376"/>
      <c r="AN60" s="1376"/>
      <c r="AO60" s="1376"/>
      <c r="AP60" s="1376"/>
      <c r="AQ60" s="1376"/>
      <c r="AR60" s="1376"/>
      <c r="AS60" s="1376"/>
      <c r="AT60" s="1376"/>
      <c r="AU60" s="1376"/>
      <c r="AV60" s="1376"/>
      <c r="AW60" s="1376"/>
      <c r="AX60" s="1376"/>
      <c r="AY60" s="1376"/>
      <c r="AZ60" s="1376"/>
      <c r="BA60" s="1376"/>
      <c r="BB60" s="1376"/>
      <c r="BC60" s="1376"/>
      <c r="BD60" s="1376"/>
      <c r="BE60" s="1376"/>
      <c r="BF60" s="1376"/>
      <c r="BG60" s="1376"/>
      <c r="BH60" s="1376"/>
      <c r="BI60" s="1376"/>
      <c r="BJ60" s="1376"/>
      <c r="BK60" s="1376"/>
      <c r="CJ60" s="1376"/>
      <c r="CK60" s="1376"/>
      <c r="CL60" s="1376"/>
      <c r="CM60" s="1376"/>
      <c r="CN60" s="1376"/>
      <c r="CO60" s="1376"/>
      <c r="CP60" s="1376"/>
    </row>
    <row r="61" spans="3:95" ht="18" customHeight="1" x14ac:dyDescent="0.15">
      <c r="W61" s="1371"/>
      <c r="X61" s="1371"/>
      <c r="Y61" s="1386"/>
      <c r="Z61" s="1386"/>
      <c r="AA61" s="1376"/>
      <c r="AB61" s="1376"/>
      <c r="AC61" s="1376"/>
      <c r="AD61" s="1376"/>
      <c r="AE61" s="1376"/>
      <c r="AF61" s="1389"/>
      <c r="AG61" s="1376"/>
      <c r="AH61" s="1376"/>
      <c r="AI61" s="1376"/>
      <c r="AJ61" s="1376"/>
      <c r="AK61" s="1376"/>
      <c r="AL61" s="1376"/>
      <c r="AM61" s="1376"/>
      <c r="AN61" s="1376"/>
      <c r="AO61" s="1376"/>
      <c r="AP61" s="1376"/>
      <c r="AQ61" s="1376"/>
      <c r="AR61" s="1376"/>
      <c r="AS61" s="1376"/>
      <c r="AT61" s="1376"/>
      <c r="AU61" s="1376"/>
      <c r="AV61" s="1376"/>
      <c r="AW61" s="1376"/>
      <c r="AX61" s="1376"/>
      <c r="AY61" s="1376"/>
      <c r="AZ61" s="1376"/>
      <c r="BA61" s="1376"/>
      <c r="BB61" s="1376"/>
      <c r="BC61" s="1376"/>
      <c r="BD61" s="1376"/>
      <c r="BE61" s="1376"/>
      <c r="BF61" s="1376"/>
      <c r="BG61" s="1376"/>
      <c r="BH61" s="1376"/>
      <c r="BI61" s="1376"/>
      <c r="BJ61" s="1376"/>
      <c r="BK61" s="1376"/>
      <c r="CJ61" s="1376"/>
      <c r="CK61" s="1376"/>
      <c r="CL61" s="1376"/>
      <c r="CM61" s="1376"/>
      <c r="CN61" s="1376"/>
      <c r="CO61" s="1376"/>
      <c r="CP61" s="1376"/>
    </row>
    <row r="62" spans="3:95" ht="18" customHeight="1" x14ac:dyDescent="0.15">
      <c r="W62" s="1371"/>
      <c r="X62" s="1371"/>
      <c r="Y62" s="1386"/>
      <c r="Z62" s="1386"/>
      <c r="AA62" s="1376"/>
      <c r="AB62" s="1376"/>
      <c r="AC62" s="1376"/>
      <c r="AD62" s="1376"/>
      <c r="AE62" s="1376"/>
      <c r="AF62" s="1389"/>
      <c r="AG62" s="1376"/>
      <c r="AH62" s="1376"/>
      <c r="AI62" s="1376"/>
      <c r="AJ62" s="1376"/>
      <c r="AK62" s="1376"/>
      <c r="AL62" s="1376"/>
      <c r="AM62" s="1376"/>
      <c r="AN62" s="1376"/>
      <c r="AO62" s="1376"/>
      <c r="AP62" s="1376"/>
      <c r="AQ62" s="1376"/>
      <c r="AR62" s="1376"/>
      <c r="AS62" s="1376"/>
      <c r="AT62" s="1376"/>
      <c r="AU62" s="1376"/>
      <c r="AV62" s="1376"/>
      <c r="AW62" s="1376"/>
      <c r="AX62" s="1376"/>
      <c r="AY62" s="1376"/>
      <c r="AZ62" s="1376"/>
      <c r="BA62" s="1376"/>
      <c r="BB62" s="1376"/>
      <c r="BC62" s="1376"/>
      <c r="BD62" s="1376"/>
      <c r="BE62" s="1376"/>
      <c r="BF62" s="1376"/>
      <c r="BG62" s="1376"/>
      <c r="BH62" s="1376"/>
      <c r="BI62" s="1376"/>
      <c r="BJ62" s="1376"/>
      <c r="BK62" s="1376"/>
      <c r="CJ62" s="1376"/>
      <c r="CK62" s="1376"/>
      <c r="CL62" s="1376"/>
      <c r="CM62" s="1376"/>
      <c r="CN62" s="1376"/>
      <c r="CO62" s="1376"/>
      <c r="CP62" s="1376"/>
    </row>
    <row r="63" spans="3:95" ht="18" customHeight="1" x14ac:dyDescent="0.15">
      <c r="W63" s="1371"/>
      <c r="X63" s="1371"/>
      <c r="Y63" s="1386"/>
      <c r="Z63" s="1386"/>
      <c r="AA63" s="1376"/>
      <c r="AB63" s="1376"/>
      <c r="AC63" s="1376"/>
      <c r="AD63" s="1376"/>
      <c r="AE63" s="1376"/>
      <c r="AF63" s="1389"/>
      <c r="AG63" s="1376"/>
      <c r="AH63" s="1376"/>
      <c r="AI63" s="1376"/>
      <c r="AJ63" s="1376"/>
      <c r="AK63" s="1376"/>
      <c r="AL63" s="1376"/>
      <c r="AM63" s="1376"/>
      <c r="AN63" s="1376"/>
      <c r="AO63" s="1376"/>
      <c r="AP63" s="1376"/>
      <c r="AQ63" s="1376"/>
      <c r="AR63" s="1376"/>
      <c r="AS63" s="1376"/>
      <c r="AT63" s="1376"/>
      <c r="AU63" s="1376"/>
      <c r="AV63" s="1376"/>
      <c r="AW63" s="1376"/>
      <c r="AX63" s="1376"/>
      <c r="AY63" s="1376"/>
      <c r="AZ63" s="1376"/>
      <c r="BA63" s="1376"/>
      <c r="BB63" s="1376"/>
      <c r="BC63" s="1376"/>
      <c r="BD63" s="1376"/>
      <c r="BE63" s="1376"/>
      <c r="BF63" s="1376"/>
      <c r="BG63" s="1376"/>
      <c r="BH63" s="1376"/>
      <c r="BI63" s="1376"/>
      <c r="BJ63" s="1376"/>
      <c r="BK63" s="1376"/>
      <c r="CJ63" s="1376"/>
      <c r="CK63" s="1376"/>
      <c r="CL63" s="1376"/>
      <c r="CM63" s="1376"/>
      <c r="CN63" s="1376"/>
      <c r="CO63" s="1376"/>
      <c r="CP63" s="1376"/>
    </row>
    <row r="64" spans="3:95" ht="18" customHeight="1" x14ac:dyDescent="0.15">
      <c r="W64" s="1371"/>
      <c r="X64" s="1371"/>
      <c r="Y64" s="1386"/>
      <c r="Z64" s="1386"/>
      <c r="AA64" s="1376"/>
      <c r="AB64" s="1376"/>
      <c r="AC64" s="1376"/>
      <c r="AD64" s="1376"/>
      <c r="AE64" s="1376"/>
      <c r="AF64" s="1389"/>
      <c r="AG64" s="1376"/>
      <c r="AH64" s="1376"/>
      <c r="AI64" s="1376"/>
      <c r="AJ64" s="1376"/>
      <c r="AK64" s="1376"/>
      <c r="AL64" s="1376"/>
      <c r="AM64" s="1376"/>
      <c r="AN64" s="1376"/>
      <c r="AO64" s="1376"/>
      <c r="AP64" s="1376"/>
      <c r="AQ64" s="1376"/>
      <c r="AR64" s="1376"/>
      <c r="AS64" s="1376"/>
      <c r="AT64" s="1376"/>
      <c r="AU64" s="1376"/>
      <c r="AV64" s="1376"/>
      <c r="AW64" s="1376"/>
      <c r="AX64" s="1376"/>
      <c r="AY64" s="1376"/>
      <c r="AZ64" s="1376"/>
      <c r="BA64" s="1376"/>
      <c r="BB64" s="1376"/>
      <c r="BC64" s="1376"/>
      <c r="BD64" s="1376"/>
      <c r="BE64" s="1376"/>
      <c r="BF64" s="1376"/>
      <c r="BG64" s="1376"/>
      <c r="BH64" s="1376"/>
      <c r="BI64" s="1376"/>
      <c r="BJ64" s="1376"/>
      <c r="BK64" s="1376"/>
      <c r="CJ64" s="1376"/>
      <c r="CK64" s="1376"/>
      <c r="CL64" s="1376"/>
      <c r="CM64" s="1376"/>
      <c r="CN64" s="1376"/>
      <c r="CO64" s="1376"/>
      <c r="CP64" s="1376"/>
    </row>
    <row r="65" spans="23:94" ht="18" customHeight="1" x14ac:dyDescent="0.15">
      <c r="W65" s="1371"/>
      <c r="X65" s="1371"/>
      <c r="Y65" s="1386"/>
      <c r="Z65" s="1386"/>
      <c r="AA65" s="1376"/>
      <c r="AB65" s="1376"/>
      <c r="AC65" s="1376"/>
      <c r="AD65" s="1376"/>
      <c r="AE65" s="1376"/>
      <c r="AF65" s="1389"/>
      <c r="AG65" s="1376"/>
      <c r="AH65" s="1376"/>
      <c r="AI65" s="1376"/>
      <c r="AJ65" s="1376"/>
      <c r="AK65" s="1376"/>
      <c r="AL65" s="1376"/>
      <c r="AM65" s="1376"/>
      <c r="AN65" s="1376"/>
      <c r="AO65" s="1376"/>
      <c r="AP65" s="1376"/>
      <c r="AQ65" s="1376"/>
      <c r="AR65" s="1376"/>
      <c r="AS65" s="1376"/>
      <c r="AT65" s="1376"/>
      <c r="AU65" s="1376"/>
      <c r="AV65" s="1376"/>
      <c r="AW65" s="1376"/>
      <c r="AX65" s="1376"/>
      <c r="AY65" s="1376"/>
      <c r="AZ65" s="1376"/>
      <c r="BA65" s="1376"/>
      <c r="BB65" s="1376"/>
      <c r="BC65" s="1376"/>
      <c r="BD65" s="1376"/>
      <c r="BE65" s="1376"/>
      <c r="BF65" s="1376"/>
      <c r="BG65" s="1376"/>
      <c r="BH65" s="1376"/>
      <c r="BI65" s="1376"/>
      <c r="BJ65" s="1376"/>
      <c r="BK65" s="1376"/>
      <c r="CJ65" s="1376"/>
      <c r="CK65" s="1376"/>
      <c r="CL65" s="1376"/>
      <c r="CM65" s="1376"/>
      <c r="CN65" s="1376"/>
      <c r="CO65" s="1376"/>
      <c r="CP65" s="1376"/>
    </row>
    <row r="66" spans="23:94" ht="18" customHeight="1" x14ac:dyDescent="0.15">
      <c r="W66" s="1371"/>
      <c r="X66" s="1371"/>
      <c r="Y66" s="1386"/>
      <c r="Z66" s="1386"/>
      <c r="AA66" s="1376"/>
      <c r="AB66" s="1376"/>
      <c r="AC66" s="1376"/>
      <c r="AD66" s="1376"/>
      <c r="AE66" s="1376"/>
      <c r="AF66" s="1389"/>
      <c r="AG66" s="1376"/>
      <c r="AH66" s="1376"/>
      <c r="AI66" s="1376"/>
      <c r="AJ66" s="1376"/>
      <c r="AK66" s="1376"/>
      <c r="AL66" s="1376"/>
      <c r="AM66" s="1376"/>
      <c r="AN66" s="1376"/>
      <c r="AO66" s="1376"/>
      <c r="AP66" s="1376"/>
      <c r="AQ66" s="1376"/>
      <c r="AR66" s="1376"/>
      <c r="AS66" s="1376"/>
      <c r="AT66" s="1376"/>
      <c r="AU66" s="1376"/>
      <c r="AV66" s="1376"/>
      <c r="AW66" s="1376"/>
      <c r="AX66" s="1376"/>
      <c r="AY66" s="1376"/>
      <c r="AZ66" s="1376"/>
      <c r="BA66" s="1376"/>
      <c r="BB66" s="1376"/>
      <c r="BC66" s="1376"/>
      <c r="BD66" s="1376"/>
      <c r="BE66" s="1376"/>
      <c r="BF66" s="1376"/>
      <c r="BG66" s="1376"/>
      <c r="BH66" s="1376"/>
      <c r="BI66" s="1376"/>
      <c r="BJ66" s="1376"/>
      <c r="BK66" s="1376"/>
      <c r="CJ66" s="1376"/>
      <c r="CK66" s="1376"/>
      <c r="CL66" s="1376"/>
      <c r="CM66" s="1376"/>
      <c r="CN66" s="1376"/>
      <c r="CO66" s="1376"/>
      <c r="CP66" s="1376"/>
    </row>
    <row r="67" spans="23:94" ht="18" customHeight="1" x14ac:dyDescent="0.15">
      <c r="W67" s="1371"/>
      <c r="X67" s="1371"/>
      <c r="Y67" s="1386"/>
      <c r="Z67" s="1386"/>
      <c r="AA67" s="1376"/>
      <c r="AB67" s="1376"/>
      <c r="AC67" s="1376"/>
      <c r="AD67" s="1376"/>
      <c r="AE67" s="1376"/>
      <c r="AF67" s="1389"/>
      <c r="AG67" s="1376"/>
      <c r="AH67" s="1376"/>
      <c r="AI67" s="1376"/>
      <c r="AJ67" s="1376"/>
      <c r="AK67" s="1376"/>
      <c r="AL67" s="1376"/>
      <c r="AM67" s="1376"/>
      <c r="AN67" s="1376"/>
      <c r="AO67" s="1376"/>
      <c r="AP67" s="1376"/>
      <c r="AQ67" s="1376"/>
      <c r="AR67" s="1376"/>
      <c r="AS67" s="1376"/>
      <c r="AT67" s="1376"/>
      <c r="AU67" s="1376"/>
      <c r="AV67" s="1376"/>
      <c r="AW67" s="1376"/>
      <c r="AX67" s="1376"/>
      <c r="AY67" s="1376"/>
      <c r="AZ67" s="1376"/>
      <c r="BA67" s="1376"/>
      <c r="BB67" s="1376"/>
      <c r="BC67" s="1376"/>
      <c r="BD67" s="1376"/>
      <c r="BE67" s="1376"/>
      <c r="BF67" s="1376"/>
      <c r="BG67" s="1376"/>
      <c r="BH67" s="1376"/>
      <c r="BI67" s="1376"/>
      <c r="BJ67" s="1376"/>
      <c r="BK67" s="1376"/>
      <c r="CJ67" s="1376"/>
      <c r="CK67" s="1376"/>
      <c r="CL67" s="1376"/>
      <c r="CM67" s="1376"/>
      <c r="CN67" s="1376"/>
      <c r="CO67" s="1376"/>
      <c r="CP67" s="1376"/>
    </row>
    <row r="68" spans="23:94" ht="18" customHeight="1" x14ac:dyDescent="0.15">
      <c r="W68" s="1371"/>
      <c r="X68" s="1371"/>
      <c r="Y68" s="1386"/>
      <c r="Z68" s="1386"/>
      <c r="AA68" s="1376"/>
      <c r="AB68" s="1376"/>
      <c r="AC68" s="1376"/>
      <c r="AD68" s="1376"/>
      <c r="AE68" s="1376"/>
      <c r="AF68" s="1389"/>
      <c r="AG68" s="1376"/>
      <c r="AH68" s="1376"/>
      <c r="AI68" s="1376"/>
      <c r="AJ68" s="1376"/>
      <c r="AK68" s="1376"/>
      <c r="AL68" s="1376"/>
      <c r="AM68" s="1376"/>
      <c r="AN68" s="1376"/>
      <c r="AO68" s="1376"/>
      <c r="AP68" s="1376"/>
      <c r="AQ68" s="1376"/>
      <c r="AR68" s="1376"/>
      <c r="AS68" s="1376"/>
      <c r="AT68" s="1376"/>
      <c r="AU68" s="1376"/>
      <c r="AV68" s="1376"/>
      <c r="AW68" s="1376"/>
      <c r="AX68" s="1376"/>
      <c r="AY68" s="1376"/>
      <c r="AZ68" s="1376"/>
      <c r="BA68" s="1376"/>
      <c r="BB68" s="1376"/>
      <c r="BC68" s="1376"/>
      <c r="BD68" s="1376"/>
      <c r="BE68" s="1376"/>
      <c r="BF68" s="1376"/>
      <c r="BG68" s="1376"/>
      <c r="BH68" s="1376"/>
      <c r="BI68" s="1376"/>
      <c r="BJ68" s="1376"/>
      <c r="BK68" s="1376"/>
      <c r="CJ68" s="1376"/>
      <c r="CK68" s="1376"/>
      <c r="CL68" s="1376"/>
      <c r="CM68" s="1376"/>
      <c r="CN68" s="1376"/>
      <c r="CO68" s="1376"/>
      <c r="CP68" s="1376"/>
    </row>
    <row r="69" spans="23:94" ht="18" customHeight="1" x14ac:dyDescent="0.15">
      <c r="W69" s="1371"/>
      <c r="X69" s="1371"/>
      <c r="Y69" s="1386"/>
      <c r="Z69" s="1386"/>
      <c r="AA69" s="1376"/>
      <c r="AB69" s="1376"/>
      <c r="AC69" s="1376"/>
      <c r="AD69" s="1376"/>
      <c r="AE69" s="1376"/>
      <c r="AF69" s="1389"/>
      <c r="AG69" s="1376"/>
      <c r="AH69" s="1376"/>
      <c r="AI69" s="1376"/>
      <c r="AJ69" s="1376"/>
      <c r="AK69" s="1376"/>
      <c r="AL69" s="1376"/>
      <c r="AM69" s="1376"/>
      <c r="AN69" s="1376"/>
      <c r="AO69" s="1376"/>
      <c r="AP69" s="1376"/>
      <c r="AQ69" s="1376"/>
      <c r="AR69" s="1376"/>
      <c r="AS69" s="1376"/>
      <c r="AT69" s="1376"/>
      <c r="AU69" s="1376"/>
      <c r="AV69" s="1376"/>
      <c r="AW69" s="1376"/>
      <c r="AX69" s="1376"/>
      <c r="AY69" s="1376"/>
      <c r="AZ69" s="1376"/>
      <c r="BA69" s="1376"/>
      <c r="BB69" s="1376"/>
      <c r="BC69" s="1376"/>
      <c r="BD69" s="1376"/>
      <c r="BE69" s="1376"/>
      <c r="BF69" s="1376"/>
      <c r="BG69" s="1376"/>
      <c r="BH69" s="1376"/>
      <c r="BI69" s="1376"/>
      <c r="BJ69" s="1376"/>
      <c r="BK69" s="1376"/>
      <c r="CJ69" s="1376"/>
      <c r="CK69" s="1376"/>
      <c r="CL69" s="1376"/>
      <c r="CM69" s="1376"/>
      <c r="CN69" s="1376"/>
      <c r="CO69" s="1376"/>
      <c r="CP69" s="1376"/>
    </row>
    <row r="70" spans="23:94" ht="18" customHeight="1" x14ac:dyDescent="0.15">
      <c r="W70" s="1371"/>
      <c r="X70" s="1371"/>
      <c r="Y70" s="1386"/>
      <c r="Z70" s="1386"/>
      <c r="AA70" s="1376"/>
      <c r="AB70" s="1376"/>
      <c r="AC70" s="1376"/>
      <c r="AD70" s="1376"/>
      <c r="AE70" s="1376"/>
      <c r="AF70" s="1389"/>
      <c r="AG70" s="1376"/>
      <c r="AH70" s="1376"/>
      <c r="AI70" s="1376"/>
      <c r="AJ70" s="1376"/>
      <c r="AK70" s="1376"/>
      <c r="AL70" s="1376"/>
      <c r="AM70" s="1376"/>
      <c r="AN70" s="1376"/>
      <c r="AO70" s="1376"/>
      <c r="AP70" s="1376"/>
      <c r="AQ70" s="1376"/>
      <c r="AR70" s="1376"/>
      <c r="AS70" s="1376"/>
      <c r="AT70" s="1376"/>
      <c r="AU70" s="1376"/>
      <c r="AV70" s="1376"/>
      <c r="AW70" s="1376"/>
      <c r="AX70" s="1376"/>
      <c r="AY70" s="1376"/>
      <c r="AZ70" s="1376"/>
      <c r="BA70" s="1376"/>
      <c r="BB70" s="1376"/>
      <c r="BC70" s="1376"/>
      <c r="BD70" s="1376"/>
      <c r="BE70" s="1376"/>
      <c r="BF70" s="1376"/>
      <c r="BG70" s="1376"/>
      <c r="BH70" s="1376"/>
      <c r="BI70" s="1376"/>
      <c r="BJ70" s="1376"/>
      <c r="BK70" s="1376"/>
      <c r="CJ70" s="1376"/>
      <c r="CK70" s="1376"/>
      <c r="CL70" s="1376"/>
      <c r="CM70" s="1376"/>
      <c r="CN70" s="1376"/>
      <c r="CO70" s="1376"/>
      <c r="CP70" s="1376"/>
    </row>
    <row r="71" spans="23:94" ht="18" customHeight="1" x14ac:dyDescent="0.15">
      <c r="W71" s="1371"/>
      <c r="X71" s="1371"/>
      <c r="Y71" s="1386"/>
      <c r="Z71" s="1386"/>
      <c r="AA71" s="1376"/>
      <c r="AB71" s="1376"/>
      <c r="AC71" s="1376"/>
      <c r="AD71" s="1376"/>
      <c r="AE71" s="1376"/>
      <c r="AF71" s="1389"/>
      <c r="AG71" s="1376"/>
      <c r="AH71" s="1376"/>
      <c r="AI71" s="1376"/>
      <c r="AJ71" s="1376"/>
      <c r="AK71" s="1376"/>
      <c r="AL71" s="1376"/>
      <c r="AM71" s="1376"/>
      <c r="AN71" s="1376"/>
      <c r="AO71" s="1376"/>
      <c r="AP71" s="1376"/>
      <c r="AQ71" s="1376"/>
      <c r="AR71" s="1376"/>
      <c r="AS71" s="1376"/>
      <c r="AT71" s="1376"/>
      <c r="AU71" s="1376"/>
      <c r="AV71" s="1376"/>
      <c r="AW71" s="1376"/>
      <c r="AX71" s="1376"/>
      <c r="AY71" s="1376"/>
      <c r="AZ71" s="1376"/>
      <c r="BA71" s="1376"/>
      <c r="BB71" s="1376"/>
      <c r="BC71" s="1376"/>
      <c r="BD71" s="1376"/>
      <c r="BE71" s="1376"/>
      <c r="BF71" s="1376"/>
      <c r="BG71" s="1376"/>
      <c r="BH71" s="1376"/>
      <c r="BI71" s="1376"/>
      <c r="BJ71" s="1376"/>
      <c r="BK71" s="1376"/>
      <c r="CJ71" s="1376"/>
      <c r="CK71" s="1376"/>
      <c r="CL71" s="1376"/>
      <c r="CM71" s="1376"/>
      <c r="CN71" s="1376"/>
      <c r="CO71" s="1376"/>
      <c r="CP71" s="1376"/>
    </row>
    <row r="72" spans="23:94" ht="18" customHeight="1" x14ac:dyDescent="0.15">
      <c r="W72" s="1371"/>
      <c r="X72" s="1371"/>
      <c r="Y72" s="1386"/>
      <c r="Z72" s="1386"/>
      <c r="AA72" s="1376"/>
      <c r="AB72" s="1376"/>
      <c r="AC72" s="1376"/>
      <c r="AD72" s="1376"/>
      <c r="AE72" s="1376"/>
      <c r="AF72" s="1389"/>
      <c r="AG72" s="1376"/>
      <c r="AH72" s="1376"/>
      <c r="AI72" s="1376"/>
      <c r="AJ72" s="1376"/>
      <c r="AK72" s="1376"/>
      <c r="AL72" s="1376"/>
      <c r="AM72" s="1376"/>
      <c r="AN72" s="1376"/>
      <c r="AO72" s="1376"/>
      <c r="AP72" s="1376"/>
      <c r="AQ72" s="1376"/>
      <c r="AR72" s="1376"/>
      <c r="AS72" s="1376"/>
      <c r="AT72" s="1376"/>
      <c r="AU72" s="1376"/>
      <c r="AV72" s="1376"/>
      <c r="AW72" s="1376"/>
      <c r="AX72" s="1376"/>
      <c r="AY72" s="1376"/>
      <c r="AZ72" s="1376"/>
      <c r="BA72" s="1376"/>
      <c r="BB72" s="1376"/>
      <c r="BC72" s="1376"/>
      <c r="BD72" s="1376"/>
      <c r="BE72" s="1376"/>
      <c r="BF72" s="1376"/>
      <c r="BG72" s="1376"/>
      <c r="BH72" s="1376"/>
      <c r="BI72" s="1376"/>
      <c r="BJ72" s="1376"/>
      <c r="BK72" s="1376"/>
      <c r="CJ72" s="1376"/>
      <c r="CK72" s="1376"/>
      <c r="CL72" s="1376"/>
      <c r="CM72" s="1376"/>
      <c r="CN72" s="1376"/>
      <c r="CO72" s="1376"/>
      <c r="CP72" s="1376"/>
    </row>
    <row r="73" spans="23:94" ht="18" customHeight="1" x14ac:dyDescent="0.15">
      <c r="W73" s="1371"/>
      <c r="X73" s="1371"/>
      <c r="Y73" s="1386"/>
      <c r="Z73" s="1386"/>
      <c r="AA73" s="1376"/>
      <c r="AB73" s="1376"/>
      <c r="AC73" s="1376"/>
      <c r="AD73" s="1376"/>
      <c r="AE73" s="1376"/>
      <c r="AF73" s="1389"/>
      <c r="AG73" s="1376"/>
      <c r="AH73" s="1376"/>
      <c r="AI73" s="1376"/>
      <c r="AJ73" s="1376"/>
      <c r="AK73" s="1376"/>
      <c r="AL73" s="1376"/>
      <c r="AM73" s="1376"/>
      <c r="AN73" s="1376"/>
      <c r="AO73" s="1376"/>
      <c r="AP73" s="1376"/>
      <c r="AQ73" s="1376"/>
      <c r="AR73" s="1376"/>
      <c r="AS73" s="1376"/>
      <c r="AT73" s="1376"/>
      <c r="AU73" s="1376"/>
      <c r="AV73" s="1376"/>
      <c r="AW73" s="1376"/>
      <c r="AX73" s="1376"/>
      <c r="AY73" s="1376"/>
      <c r="AZ73" s="1376"/>
      <c r="BA73" s="1376"/>
      <c r="BB73" s="1376"/>
      <c r="BC73" s="1376"/>
      <c r="BD73" s="1376"/>
      <c r="BE73" s="1376"/>
      <c r="BF73" s="1376"/>
      <c r="BG73" s="1376"/>
      <c r="BH73" s="1376"/>
      <c r="BI73" s="1376"/>
      <c r="BJ73" s="1376"/>
      <c r="BK73" s="1376"/>
      <c r="CJ73" s="1376"/>
      <c r="CK73" s="1376"/>
      <c r="CL73" s="1376"/>
      <c r="CM73" s="1376"/>
      <c r="CN73" s="1376"/>
      <c r="CO73" s="1376"/>
      <c r="CP73" s="1376"/>
    </row>
    <row r="74" spans="23:94" ht="18" customHeight="1" x14ac:dyDescent="0.15">
      <c r="W74" s="1371"/>
      <c r="X74" s="1371"/>
      <c r="Y74" s="1386"/>
      <c r="Z74" s="1386"/>
      <c r="AA74" s="1376"/>
      <c r="AB74" s="1376"/>
      <c r="AC74" s="1376"/>
      <c r="AD74" s="1376"/>
      <c r="AE74" s="1376"/>
      <c r="AF74" s="1389"/>
      <c r="AG74" s="1376"/>
      <c r="AH74" s="1376"/>
      <c r="AI74" s="1376"/>
      <c r="AJ74" s="1376"/>
      <c r="AK74" s="1376"/>
      <c r="AL74" s="1376"/>
      <c r="AM74" s="1376"/>
      <c r="AN74" s="1376"/>
      <c r="AO74" s="1376"/>
      <c r="AP74" s="1376"/>
      <c r="AQ74" s="1376"/>
      <c r="AR74" s="1376"/>
      <c r="AS74" s="1376"/>
      <c r="AT74" s="1376"/>
      <c r="AU74" s="1376"/>
      <c r="AV74" s="1376"/>
      <c r="AW74" s="1376"/>
      <c r="AX74" s="1376"/>
      <c r="AY74" s="1376"/>
      <c r="AZ74" s="1376"/>
      <c r="BA74" s="1376"/>
      <c r="BB74" s="1376"/>
      <c r="BC74" s="1376"/>
      <c r="BD74" s="1376"/>
      <c r="BE74" s="1376"/>
      <c r="BF74" s="1376"/>
      <c r="BG74" s="1376"/>
      <c r="BH74" s="1376"/>
      <c r="BI74" s="1376"/>
      <c r="BJ74" s="1376"/>
      <c r="BK74" s="1376"/>
      <c r="CJ74" s="1376"/>
      <c r="CK74" s="1376"/>
      <c r="CL74" s="1376"/>
      <c r="CM74" s="1376"/>
      <c r="CN74" s="1376"/>
      <c r="CO74" s="1376"/>
      <c r="CP74" s="1376"/>
    </row>
    <row r="75" spans="23:94" ht="18" customHeight="1" x14ac:dyDescent="0.15">
      <c r="W75" s="1371"/>
      <c r="X75" s="1371"/>
      <c r="Y75" s="1386"/>
      <c r="Z75" s="1386"/>
      <c r="AA75" s="1376"/>
      <c r="AB75" s="1376"/>
      <c r="AC75" s="1376"/>
      <c r="AD75" s="1376"/>
      <c r="AE75" s="1376"/>
      <c r="AF75" s="1389"/>
      <c r="AG75" s="1376"/>
      <c r="AH75" s="1376"/>
      <c r="AI75" s="1376"/>
      <c r="AJ75" s="1376"/>
      <c r="AK75" s="1376"/>
      <c r="AL75" s="1376"/>
      <c r="AM75" s="1376"/>
      <c r="AN75" s="1376"/>
      <c r="AO75" s="1376"/>
      <c r="AP75" s="1376"/>
      <c r="AQ75" s="1376"/>
      <c r="AR75" s="1376"/>
      <c r="AS75" s="1376"/>
      <c r="AT75" s="1376"/>
      <c r="AU75" s="1376"/>
      <c r="AV75" s="1376"/>
      <c r="AW75" s="1376"/>
      <c r="AX75" s="1376"/>
      <c r="AY75" s="1376"/>
      <c r="AZ75" s="1376"/>
      <c r="BA75" s="1376"/>
      <c r="BB75" s="1376"/>
      <c r="BC75" s="1376"/>
      <c r="BD75" s="1376"/>
      <c r="BE75" s="1376"/>
      <c r="BF75" s="1376"/>
      <c r="BG75" s="1376"/>
      <c r="BH75" s="1376"/>
      <c r="BI75" s="1376"/>
      <c r="BJ75" s="1376"/>
      <c r="BK75" s="1376"/>
      <c r="CJ75" s="1376"/>
      <c r="CK75" s="1376"/>
      <c r="CL75" s="1376"/>
      <c r="CM75" s="1376"/>
      <c r="CN75" s="1376"/>
      <c r="CO75" s="1376"/>
      <c r="CP75" s="1376"/>
    </row>
    <row r="76" spans="23:94" ht="18" customHeight="1" x14ac:dyDescent="0.15">
      <c r="W76" s="1371"/>
      <c r="X76" s="1371"/>
      <c r="Y76" s="1386"/>
      <c r="Z76" s="1386"/>
      <c r="AA76" s="1376"/>
      <c r="AB76" s="1376"/>
      <c r="AC76" s="1376"/>
      <c r="AD76" s="1376"/>
      <c r="AE76" s="1376"/>
      <c r="AF76" s="1389"/>
      <c r="AG76" s="1376"/>
      <c r="AH76" s="1376"/>
      <c r="AI76" s="1376"/>
      <c r="AJ76" s="1376"/>
      <c r="AK76" s="1376"/>
      <c r="AL76" s="1376"/>
      <c r="AM76" s="1376"/>
      <c r="AN76" s="1376"/>
      <c r="AO76" s="1376"/>
      <c r="AP76" s="1376"/>
      <c r="AQ76" s="1376"/>
      <c r="AR76" s="1376"/>
      <c r="AS76" s="1376"/>
      <c r="AT76" s="1376"/>
      <c r="AU76" s="1376"/>
      <c r="AV76" s="1376"/>
      <c r="AW76" s="1376"/>
      <c r="AX76" s="1376"/>
      <c r="AY76" s="1376"/>
      <c r="AZ76" s="1376"/>
      <c r="BA76" s="1376"/>
      <c r="BB76" s="1376"/>
      <c r="BC76" s="1376"/>
      <c r="BD76" s="1376"/>
      <c r="BE76" s="1376"/>
      <c r="BF76" s="1376"/>
      <c r="BG76" s="1376"/>
      <c r="BH76" s="1376"/>
      <c r="BI76" s="1376"/>
      <c r="BJ76" s="1376"/>
      <c r="BK76" s="1376"/>
      <c r="CJ76" s="1376"/>
      <c r="CK76" s="1376"/>
      <c r="CL76" s="1376"/>
      <c r="CM76" s="1376"/>
      <c r="CN76" s="1376"/>
      <c r="CO76" s="1376"/>
      <c r="CP76" s="1376"/>
    </row>
    <row r="77" spans="23:94" ht="18" customHeight="1" x14ac:dyDescent="0.15">
      <c r="W77" s="1371"/>
      <c r="X77" s="1371"/>
      <c r="Y77" s="1386"/>
      <c r="Z77" s="1386"/>
      <c r="AA77" s="1376"/>
      <c r="AB77" s="1376"/>
      <c r="AC77" s="1376"/>
      <c r="AD77" s="1376"/>
      <c r="AE77" s="1376"/>
      <c r="AF77" s="1389"/>
      <c r="AG77" s="1376"/>
      <c r="AH77" s="1376"/>
      <c r="AI77" s="1376"/>
      <c r="AJ77" s="1376"/>
      <c r="AK77" s="1376"/>
      <c r="AL77" s="1376"/>
      <c r="AM77" s="1376"/>
      <c r="AN77" s="1376"/>
      <c r="AO77" s="1376"/>
      <c r="AP77" s="1376"/>
      <c r="AQ77" s="1376"/>
      <c r="AR77" s="1376"/>
      <c r="AS77" s="1376"/>
      <c r="AT77" s="1376"/>
      <c r="AU77" s="1376"/>
      <c r="AV77" s="1376"/>
      <c r="AW77" s="1376"/>
      <c r="AX77" s="1376"/>
      <c r="AY77" s="1376"/>
      <c r="AZ77" s="1376"/>
      <c r="BA77" s="1376"/>
      <c r="BB77" s="1376"/>
      <c r="BC77" s="1376"/>
      <c r="BD77" s="1376"/>
      <c r="BE77" s="1376"/>
      <c r="BF77" s="1376"/>
      <c r="BG77" s="1376"/>
      <c r="BH77" s="1376"/>
      <c r="BI77" s="1376"/>
      <c r="BJ77" s="1376"/>
      <c r="BK77" s="1376"/>
      <c r="CJ77" s="1376"/>
      <c r="CK77" s="1376"/>
      <c r="CL77" s="1376"/>
      <c r="CM77" s="1376"/>
      <c r="CN77" s="1376"/>
      <c r="CO77" s="1376"/>
      <c r="CP77" s="1376"/>
    </row>
    <row r="78" spans="23:94" ht="18" customHeight="1" x14ac:dyDescent="0.15">
      <c r="W78" s="1371"/>
      <c r="X78" s="1371">
        <v>34176804</v>
      </c>
      <c r="Y78" s="1386">
        <v>51100</v>
      </c>
      <c r="Z78" s="1386">
        <v>34227904</v>
      </c>
      <c r="AA78" s="1376">
        <v>13686505</v>
      </c>
      <c r="AB78" s="1376">
        <v>0</v>
      </c>
      <c r="AC78" s="1376">
        <v>13686505</v>
      </c>
      <c r="AD78" s="1376">
        <v>5341500</v>
      </c>
      <c r="AE78" s="1376">
        <v>7300</v>
      </c>
      <c r="AF78" s="1389">
        <v>5348800</v>
      </c>
      <c r="AG78" s="1376"/>
      <c r="AH78" s="1376"/>
      <c r="AI78" s="1376"/>
      <c r="AJ78" s="1376"/>
      <c r="AK78" s="1376"/>
      <c r="AL78" s="1376"/>
      <c r="AM78" s="1376"/>
      <c r="AN78" s="1376"/>
      <c r="AO78" s="1376"/>
      <c r="AP78" s="1376"/>
      <c r="AQ78" s="1376"/>
      <c r="AR78" s="1376"/>
      <c r="AS78" s="1376"/>
      <c r="AT78" s="1376"/>
      <c r="AU78" s="1376"/>
      <c r="AV78" s="1376"/>
      <c r="AW78" s="1376"/>
      <c r="AX78" s="1376"/>
      <c r="AY78" s="1376"/>
      <c r="AZ78" s="1376"/>
      <c r="BA78" s="1376"/>
      <c r="BB78" s="1376"/>
      <c r="BC78" s="1376"/>
      <c r="BD78" s="1376"/>
      <c r="BE78" s="1376"/>
      <c r="BF78" s="1376"/>
      <c r="BG78" s="1376"/>
      <c r="BH78" s="1376"/>
      <c r="BI78" s="1376"/>
      <c r="BJ78" s="1376"/>
      <c r="BK78" s="1376"/>
      <c r="CJ78" s="1376"/>
      <c r="CK78" s="1376"/>
      <c r="CL78" s="1376"/>
      <c r="CM78" s="1376"/>
      <c r="CN78" s="1376"/>
      <c r="CO78" s="1376"/>
      <c r="CP78" s="1376"/>
    </row>
    <row r="79" spans="23:94" ht="18" customHeight="1" x14ac:dyDescent="0.15">
      <c r="W79" s="1371"/>
      <c r="X79" s="1371">
        <v>51722020</v>
      </c>
      <c r="Y79" s="1386">
        <v>28910</v>
      </c>
      <c r="Z79" s="1386">
        <v>51750930</v>
      </c>
      <c r="AA79" s="1376">
        <v>22997700</v>
      </c>
      <c r="AB79" s="1376">
        <v>0</v>
      </c>
      <c r="AC79" s="1376">
        <v>22997700</v>
      </c>
      <c r="AD79" s="1376">
        <v>10016340</v>
      </c>
      <c r="AE79" s="1376">
        <v>8360</v>
      </c>
      <c r="AF79" s="1389">
        <v>10024700</v>
      </c>
      <c r="AG79" s="1376"/>
      <c r="AH79" s="1376"/>
      <c r="AI79" s="1376"/>
      <c r="AJ79" s="1376"/>
      <c r="AK79" s="1376"/>
      <c r="AL79" s="1376"/>
      <c r="AM79" s="1376"/>
      <c r="AN79" s="1376"/>
      <c r="AO79" s="1376"/>
      <c r="AP79" s="1376"/>
      <c r="AQ79" s="1376"/>
      <c r="AR79" s="1376"/>
      <c r="AS79" s="1376"/>
      <c r="AT79" s="1376"/>
      <c r="AU79" s="1376"/>
      <c r="AV79" s="1376"/>
      <c r="AW79" s="1376"/>
      <c r="AX79" s="1376"/>
      <c r="AY79" s="1376"/>
      <c r="AZ79" s="1376"/>
      <c r="BA79" s="1376"/>
      <c r="BB79" s="1376"/>
      <c r="BC79" s="1376"/>
      <c r="BD79" s="1376"/>
      <c r="BE79" s="1376"/>
      <c r="BF79" s="1376"/>
      <c r="BG79" s="1376"/>
      <c r="BH79" s="1376"/>
      <c r="BI79" s="1376"/>
      <c r="BJ79" s="1376"/>
      <c r="BK79" s="1376"/>
      <c r="CJ79" s="1376"/>
      <c r="CK79" s="1376"/>
      <c r="CL79" s="1376"/>
      <c r="CM79" s="1376"/>
      <c r="CN79" s="1376"/>
      <c r="CO79" s="1376"/>
      <c r="CP79" s="1376"/>
    </row>
    <row r="80" spans="23:94" ht="18" customHeight="1" x14ac:dyDescent="0.15">
      <c r="W80" s="1371"/>
      <c r="X80" s="1371">
        <v>83958000</v>
      </c>
      <c r="Y80" s="1386">
        <v>87360</v>
      </c>
      <c r="Z80" s="1386">
        <v>84045360</v>
      </c>
      <c r="AA80" s="1376">
        <v>32898000</v>
      </c>
      <c r="AB80" s="1376">
        <v>8400</v>
      </c>
      <c r="AC80" s="1376">
        <v>32906400</v>
      </c>
      <c r="AD80" s="1376">
        <v>15649920</v>
      </c>
      <c r="AE80" s="1376">
        <v>43680</v>
      </c>
      <c r="AF80" s="1389">
        <v>15693600</v>
      </c>
      <c r="AG80" s="1376"/>
      <c r="AH80" s="1376"/>
      <c r="AI80" s="1376"/>
      <c r="AJ80" s="1376"/>
      <c r="AK80" s="1376"/>
      <c r="AL80" s="1376"/>
      <c r="AM80" s="1376"/>
      <c r="AN80" s="1376"/>
      <c r="AO80" s="1376"/>
      <c r="AP80" s="1376"/>
      <c r="AQ80" s="1376"/>
      <c r="AR80" s="1376"/>
      <c r="AS80" s="1376"/>
      <c r="AT80" s="1376"/>
      <c r="AU80" s="1376"/>
      <c r="AV80" s="1376"/>
      <c r="AW80" s="1376"/>
      <c r="AX80" s="1376"/>
      <c r="AY80" s="1376"/>
      <c r="AZ80" s="1376"/>
      <c r="BA80" s="1376"/>
      <c r="BB80" s="1376"/>
      <c r="BC80" s="1376"/>
      <c r="BD80" s="1376"/>
      <c r="BE80" s="1376"/>
      <c r="BF80" s="1376"/>
      <c r="BG80" s="1376"/>
      <c r="BH80" s="1376"/>
      <c r="BI80" s="1376"/>
      <c r="BJ80" s="1376"/>
      <c r="BK80" s="1376"/>
      <c r="CJ80" s="1376"/>
      <c r="CK80" s="1376"/>
      <c r="CL80" s="1376"/>
      <c r="CM80" s="1376"/>
      <c r="CN80" s="1376"/>
      <c r="CO80" s="1376"/>
      <c r="CP80" s="1376"/>
    </row>
    <row r="81" spans="23:94" ht="18" customHeight="1" x14ac:dyDescent="0.15">
      <c r="W81" s="1371"/>
      <c r="X81" s="1371">
        <v>39737775</v>
      </c>
      <c r="Y81" s="1386">
        <v>31850</v>
      </c>
      <c r="Z81" s="1386">
        <v>39769625</v>
      </c>
      <c r="AA81" s="1376">
        <v>20433000</v>
      </c>
      <c r="AB81" s="1376">
        <v>0</v>
      </c>
      <c r="AC81" s="1376">
        <v>20433000</v>
      </c>
      <c r="AD81" s="1376">
        <v>8678250</v>
      </c>
      <c r="AE81" s="1376">
        <v>0</v>
      </c>
      <c r="AF81" s="1389">
        <v>8678250</v>
      </c>
      <c r="AG81" s="1376"/>
      <c r="AH81" s="1376"/>
      <c r="AI81" s="1376"/>
      <c r="AJ81" s="1376"/>
      <c r="AK81" s="1376"/>
      <c r="AL81" s="1376"/>
      <c r="AM81" s="1376"/>
      <c r="AN81" s="1376"/>
      <c r="AO81" s="1376"/>
      <c r="AP81" s="1376"/>
      <c r="AQ81" s="1376"/>
      <c r="AR81" s="1376"/>
      <c r="AS81" s="1376"/>
      <c r="AT81" s="1376"/>
      <c r="AU81" s="1376"/>
      <c r="AV81" s="1376"/>
      <c r="AW81" s="1376"/>
      <c r="AX81" s="1376"/>
      <c r="AY81" s="1376"/>
      <c r="AZ81" s="1376"/>
      <c r="BA81" s="1376"/>
      <c r="BB81" s="1376"/>
      <c r="BC81" s="1376"/>
      <c r="BD81" s="1376"/>
      <c r="BE81" s="1376"/>
      <c r="BF81" s="1376"/>
      <c r="BG81" s="1376"/>
      <c r="BH81" s="1376"/>
      <c r="BI81" s="1376"/>
      <c r="BJ81" s="1376"/>
      <c r="BK81" s="1376"/>
      <c r="CJ81" s="1376"/>
      <c r="CK81" s="1376"/>
      <c r="CL81" s="1376"/>
      <c r="CM81" s="1376"/>
      <c r="CN81" s="1376"/>
      <c r="CO81" s="1376"/>
      <c r="CP81" s="1376"/>
    </row>
    <row r="82" spans="23:94" ht="18" customHeight="1" x14ac:dyDescent="0.15">
      <c r="W82" s="1371"/>
      <c r="X82" s="1371">
        <v>38802988</v>
      </c>
      <c r="Y82" s="1386">
        <v>92704</v>
      </c>
      <c r="Z82" s="1386">
        <v>38895692</v>
      </c>
      <c r="AA82" s="1376">
        <v>18185576</v>
      </c>
      <c r="AB82" s="1376">
        <v>39697</v>
      </c>
      <c r="AC82" s="1376">
        <v>18225273</v>
      </c>
      <c r="AD82" s="1376">
        <v>7939628</v>
      </c>
      <c r="AE82" s="1376">
        <v>0</v>
      </c>
      <c r="AF82" s="1389">
        <v>7939628</v>
      </c>
      <c r="AG82" s="1376"/>
      <c r="AH82" s="1376"/>
      <c r="AI82" s="1376"/>
      <c r="AJ82" s="1376"/>
      <c r="AK82" s="1376"/>
      <c r="AL82" s="1376"/>
      <c r="AM82" s="1376"/>
      <c r="AN82" s="1376"/>
      <c r="AO82" s="1376"/>
      <c r="AP82" s="1376"/>
      <c r="AQ82" s="1376"/>
      <c r="AR82" s="1376"/>
      <c r="AS82" s="1376"/>
      <c r="AT82" s="1376"/>
      <c r="AU82" s="1376"/>
      <c r="AV82" s="1376"/>
      <c r="AW82" s="1376"/>
      <c r="AX82" s="1376"/>
      <c r="AY82" s="1376"/>
      <c r="AZ82" s="1376"/>
      <c r="BA82" s="1376"/>
      <c r="BB82" s="1376"/>
      <c r="BC82" s="1376"/>
      <c r="BD82" s="1376"/>
      <c r="BE82" s="1376"/>
      <c r="BF82" s="1376"/>
      <c r="BG82" s="1376"/>
      <c r="BH82" s="1376"/>
      <c r="BI82" s="1376"/>
      <c r="BJ82" s="1376"/>
      <c r="BK82" s="1376"/>
      <c r="CJ82" s="1376"/>
      <c r="CK82" s="1376"/>
      <c r="CL82" s="1376"/>
      <c r="CM82" s="1376"/>
      <c r="CN82" s="1376"/>
      <c r="CO82" s="1376"/>
      <c r="CP82" s="1376"/>
    </row>
    <row r="83" spans="23:94" ht="18" customHeight="1" x14ac:dyDescent="0.15">
      <c r="W83" s="1371"/>
      <c r="X83" s="1371">
        <v>10589320</v>
      </c>
      <c r="Y83" s="1386">
        <v>32690</v>
      </c>
      <c r="Z83" s="1386">
        <v>10622010</v>
      </c>
      <c r="AA83" s="1376">
        <v>6152350</v>
      </c>
      <c r="AB83" s="1376">
        <v>34200</v>
      </c>
      <c r="AC83" s="1376">
        <v>6186550</v>
      </c>
      <c r="AD83" s="1376">
        <v>2392090</v>
      </c>
      <c r="AE83" s="1376">
        <v>18020</v>
      </c>
      <c r="AF83" s="1389">
        <v>2410110</v>
      </c>
      <c r="AG83" s="1376"/>
      <c r="AH83" s="1376"/>
      <c r="AI83" s="1376"/>
      <c r="AJ83" s="1376"/>
      <c r="AK83" s="1376"/>
      <c r="AL83" s="1376"/>
      <c r="AM83" s="1376"/>
      <c r="AN83" s="1376"/>
      <c r="AO83" s="1376"/>
      <c r="AP83" s="1376"/>
      <c r="AQ83" s="1376"/>
      <c r="AR83" s="1376"/>
      <c r="AS83" s="1376"/>
      <c r="AT83" s="1376"/>
      <c r="AU83" s="1376"/>
      <c r="AV83" s="1376"/>
      <c r="AW83" s="1376"/>
      <c r="AX83" s="1376"/>
      <c r="AY83" s="1376"/>
      <c r="AZ83" s="1376"/>
      <c r="BA83" s="1376"/>
      <c r="BB83" s="1376"/>
      <c r="BC83" s="1376"/>
      <c r="BD83" s="1376"/>
      <c r="BE83" s="1376"/>
      <c r="BF83" s="1376"/>
      <c r="BG83" s="1376"/>
      <c r="BH83" s="1376"/>
      <c r="BI83" s="1376"/>
      <c r="BJ83" s="1376"/>
      <c r="BK83" s="1376"/>
      <c r="CJ83" s="1376"/>
      <c r="CK83" s="1376"/>
      <c r="CL83" s="1376"/>
      <c r="CM83" s="1376"/>
      <c r="CN83" s="1376"/>
      <c r="CO83" s="1376"/>
      <c r="CP83" s="1376"/>
    </row>
    <row r="84" spans="23:94" ht="18" customHeight="1" x14ac:dyDescent="0.15">
      <c r="W84" s="1371"/>
      <c r="X84" s="1371">
        <v>14043492</v>
      </c>
      <c r="Y84" s="1386">
        <v>0</v>
      </c>
      <c r="Z84" s="1386">
        <v>14043492</v>
      </c>
      <c r="AA84" s="1376">
        <v>8486439</v>
      </c>
      <c r="AB84" s="1376">
        <v>36750</v>
      </c>
      <c r="AC84" s="1376">
        <v>8523189</v>
      </c>
      <c r="AD84" s="1376">
        <v>3105450</v>
      </c>
      <c r="AE84" s="1376">
        <v>0</v>
      </c>
      <c r="AF84" s="1389">
        <v>3105450</v>
      </c>
      <c r="AG84" s="1376"/>
      <c r="AH84" s="1376"/>
      <c r="AI84" s="1376"/>
      <c r="AJ84" s="1376"/>
      <c r="AK84" s="1376"/>
      <c r="AL84" s="1376"/>
      <c r="AM84" s="1376"/>
      <c r="AN84" s="1376"/>
      <c r="AO84" s="1376"/>
      <c r="AP84" s="1376"/>
      <c r="AQ84" s="1376"/>
      <c r="AR84" s="1376"/>
      <c r="AS84" s="1376"/>
      <c r="AT84" s="1376"/>
      <c r="AU84" s="1376"/>
      <c r="AV84" s="1376"/>
      <c r="AW84" s="1376"/>
      <c r="AX84" s="1376"/>
      <c r="AY84" s="1376"/>
      <c r="AZ84" s="1376"/>
      <c r="BA84" s="1376"/>
      <c r="BB84" s="1376"/>
      <c r="BC84" s="1376"/>
      <c r="BD84" s="1376"/>
      <c r="BE84" s="1376"/>
      <c r="BF84" s="1376"/>
      <c r="BG84" s="1376"/>
      <c r="BH84" s="1376"/>
      <c r="BI84" s="1376"/>
      <c r="BJ84" s="1376"/>
      <c r="BK84" s="1376"/>
      <c r="CJ84" s="1376"/>
      <c r="CK84" s="1376"/>
      <c r="CL84" s="1376"/>
      <c r="CM84" s="1376"/>
      <c r="CN84" s="1376"/>
      <c r="CO84" s="1376"/>
      <c r="CP84" s="1376"/>
    </row>
    <row r="85" spans="23:94" ht="18" customHeight="1" x14ac:dyDescent="0.15">
      <c r="W85" s="1371"/>
      <c r="X85" s="1371">
        <v>19044480</v>
      </c>
      <c r="Y85" s="1386">
        <v>76020</v>
      </c>
      <c r="Z85" s="1386">
        <v>19120500</v>
      </c>
      <c r="AA85" s="1376">
        <v>7148000</v>
      </c>
      <c r="AB85" s="1376">
        <v>27500</v>
      </c>
      <c r="AC85" s="1376">
        <v>7175500</v>
      </c>
      <c r="AD85" s="1376">
        <v>2815480</v>
      </c>
      <c r="AE85" s="1376">
        <v>0</v>
      </c>
      <c r="AF85" s="1389">
        <v>2815480</v>
      </c>
      <c r="AG85" s="1376"/>
      <c r="AH85" s="1376"/>
      <c r="AI85" s="1376"/>
      <c r="AJ85" s="1376"/>
      <c r="AK85" s="1376"/>
      <c r="AL85" s="1376"/>
      <c r="AM85" s="1376"/>
      <c r="AN85" s="1376"/>
      <c r="AO85" s="1376"/>
      <c r="AP85" s="1376"/>
      <c r="AQ85" s="1376"/>
      <c r="AR85" s="1376"/>
      <c r="AS85" s="1376"/>
      <c r="AT85" s="1376"/>
      <c r="AU85" s="1376"/>
      <c r="AV85" s="1376"/>
      <c r="AW85" s="1376"/>
      <c r="AX85" s="1376"/>
      <c r="AY85" s="1376"/>
      <c r="AZ85" s="1376"/>
      <c r="BA85" s="1376"/>
      <c r="BB85" s="1376"/>
      <c r="BC85" s="1376"/>
      <c r="BD85" s="1376"/>
      <c r="BE85" s="1376"/>
      <c r="BF85" s="1376"/>
      <c r="BG85" s="1376"/>
      <c r="BH85" s="1376"/>
      <c r="BI85" s="1376"/>
      <c r="BJ85" s="1376"/>
      <c r="BK85" s="1376"/>
      <c r="CJ85" s="1376"/>
      <c r="CK85" s="1376"/>
      <c r="CL85" s="1376"/>
      <c r="CM85" s="1376"/>
      <c r="CN85" s="1376"/>
      <c r="CO85" s="1376"/>
      <c r="CP85" s="1376"/>
    </row>
    <row r="86" spans="23:94" ht="18" customHeight="1" x14ac:dyDescent="0.15">
      <c r="W86" s="1371"/>
      <c r="X86" s="1371">
        <v>19852525</v>
      </c>
      <c r="Y86" s="1386">
        <v>60900</v>
      </c>
      <c r="Z86" s="1386">
        <v>19913425</v>
      </c>
      <c r="AA86" s="1376">
        <v>8760375</v>
      </c>
      <c r="AB86" s="1376">
        <v>0</v>
      </c>
      <c r="AC86" s="1376">
        <v>8760375</v>
      </c>
      <c r="AD86" s="1376">
        <v>3638250</v>
      </c>
      <c r="AE86" s="1376">
        <v>0</v>
      </c>
      <c r="AF86" s="1389">
        <v>3638250</v>
      </c>
      <c r="AG86" s="1376"/>
      <c r="AH86" s="1376"/>
      <c r="AI86" s="1376"/>
      <c r="AJ86" s="1376"/>
      <c r="AK86" s="1376"/>
      <c r="AL86" s="1376"/>
      <c r="AM86" s="1376"/>
      <c r="AN86" s="1376"/>
      <c r="AO86" s="1376"/>
      <c r="AP86" s="1376"/>
      <c r="AQ86" s="1376"/>
      <c r="AR86" s="1376"/>
      <c r="AS86" s="1376"/>
      <c r="AT86" s="1376"/>
      <c r="AU86" s="1376"/>
      <c r="AV86" s="1376"/>
      <c r="AW86" s="1376"/>
      <c r="AX86" s="1376"/>
      <c r="AY86" s="1376"/>
      <c r="AZ86" s="1376"/>
      <c r="BA86" s="1376"/>
      <c r="BB86" s="1376"/>
      <c r="BC86" s="1376"/>
      <c r="BD86" s="1376"/>
      <c r="BE86" s="1376"/>
      <c r="BF86" s="1376"/>
      <c r="BG86" s="1376"/>
      <c r="BH86" s="1376"/>
      <c r="BI86" s="1376"/>
      <c r="BJ86" s="1376"/>
      <c r="BK86" s="1376"/>
      <c r="CJ86" s="1376"/>
      <c r="CK86" s="1376"/>
      <c r="CL86" s="1376"/>
      <c r="CM86" s="1376"/>
      <c r="CN86" s="1376"/>
      <c r="CO86" s="1376"/>
      <c r="CP86" s="1376"/>
    </row>
    <row r="87" spans="23:94" ht="18" customHeight="1" x14ac:dyDescent="0.15">
      <c r="W87" s="1371"/>
      <c r="X87" s="1371">
        <v>15824200</v>
      </c>
      <c r="Y87" s="1386">
        <v>30800</v>
      </c>
      <c r="Z87" s="1386">
        <v>15855000</v>
      </c>
      <c r="AA87" s="1376">
        <v>7854200</v>
      </c>
      <c r="AB87" s="1376">
        <v>22000</v>
      </c>
      <c r="AC87" s="1376">
        <v>7876200</v>
      </c>
      <c r="AD87" s="1376">
        <v>3433040</v>
      </c>
      <c r="AE87" s="1376">
        <v>26800</v>
      </c>
      <c r="AF87" s="1389">
        <v>3459840</v>
      </c>
      <c r="AG87" s="1376"/>
      <c r="AH87" s="1376"/>
      <c r="AI87" s="1376"/>
      <c r="AJ87" s="1376"/>
      <c r="AK87" s="1376"/>
      <c r="AL87" s="1376"/>
      <c r="AM87" s="1376"/>
      <c r="AN87" s="1376"/>
      <c r="AO87" s="1376"/>
      <c r="AP87" s="1376"/>
      <c r="AQ87" s="1376"/>
      <c r="AR87" s="1376"/>
      <c r="AS87" s="1376"/>
      <c r="AT87" s="1376"/>
      <c r="AU87" s="1376"/>
      <c r="AV87" s="1376"/>
      <c r="AW87" s="1376"/>
      <c r="AX87" s="1376"/>
      <c r="AY87" s="1376"/>
      <c r="AZ87" s="1376"/>
      <c r="BA87" s="1376"/>
      <c r="BB87" s="1376"/>
      <c r="BC87" s="1376"/>
      <c r="BD87" s="1376"/>
      <c r="BE87" s="1376"/>
      <c r="BF87" s="1376"/>
      <c r="BG87" s="1376"/>
      <c r="BH87" s="1376"/>
      <c r="BI87" s="1376"/>
      <c r="BJ87" s="1376"/>
      <c r="BK87" s="1376"/>
      <c r="CJ87" s="1376"/>
      <c r="CK87" s="1376"/>
      <c r="CL87" s="1376"/>
      <c r="CM87" s="1376"/>
      <c r="CN87" s="1376"/>
      <c r="CO87" s="1376"/>
      <c r="CP87" s="1376"/>
    </row>
    <row r="88" spans="23:94" ht="18" customHeight="1" x14ac:dyDescent="0.15">
      <c r="W88" s="1371"/>
      <c r="X88" s="1371">
        <v>20434932</v>
      </c>
      <c r="Y88" s="1386">
        <v>0</v>
      </c>
      <c r="Z88" s="1386">
        <v>20434932</v>
      </c>
      <c r="AA88" s="1376">
        <v>6334100</v>
      </c>
      <c r="AB88" s="1376">
        <v>32660</v>
      </c>
      <c r="AC88" s="1376">
        <v>6366760</v>
      </c>
      <c r="AD88" s="1376">
        <v>2377608</v>
      </c>
      <c r="AE88" s="1376">
        <v>0</v>
      </c>
      <c r="AF88" s="1389">
        <v>2377608</v>
      </c>
      <c r="AG88" s="1376"/>
      <c r="AH88" s="1376"/>
      <c r="AI88" s="1376"/>
      <c r="AJ88" s="1376"/>
      <c r="AK88" s="1376"/>
      <c r="AL88" s="1376"/>
      <c r="AM88" s="1376"/>
      <c r="AN88" s="1376"/>
      <c r="AO88" s="1376"/>
      <c r="AP88" s="1376"/>
      <c r="AQ88" s="1376"/>
      <c r="AR88" s="1376"/>
      <c r="AS88" s="1376"/>
      <c r="AT88" s="1376"/>
      <c r="AU88" s="1376"/>
      <c r="AV88" s="1376"/>
      <c r="AW88" s="1376"/>
      <c r="AX88" s="1376"/>
      <c r="AY88" s="1376"/>
      <c r="AZ88" s="1376"/>
      <c r="BA88" s="1376"/>
      <c r="BB88" s="1376"/>
      <c r="BC88" s="1376"/>
      <c r="BD88" s="1376"/>
      <c r="BE88" s="1376"/>
      <c r="BF88" s="1376"/>
      <c r="BG88" s="1376"/>
      <c r="BH88" s="1376"/>
      <c r="BI88" s="1376"/>
      <c r="BJ88" s="1376"/>
      <c r="BK88" s="1376"/>
      <c r="CJ88" s="1376"/>
      <c r="CK88" s="1376"/>
      <c r="CL88" s="1376"/>
      <c r="CM88" s="1376"/>
      <c r="CN88" s="1376"/>
      <c r="CO88" s="1376"/>
      <c r="CP88" s="1376"/>
    </row>
    <row r="89" spans="23:94" ht="18" customHeight="1" x14ac:dyDescent="0.15">
      <c r="W89" s="1371"/>
      <c r="X89" s="1371">
        <v>16202609</v>
      </c>
      <c r="Y89" s="1386">
        <v>0</v>
      </c>
      <c r="Z89" s="1386">
        <v>16202609</v>
      </c>
      <c r="AA89" s="1376">
        <v>7306881</v>
      </c>
      <c r="AB89" s="1376">
        <v>0</v>
      </c>
      <c r="AC89" s="1376">
        <v>7306881</v>
      </c>
      <c r="AD89" s="1376">
        <v>2723291</v>
      </c>
      <c r="AE89" s="1376">
        <v>0</v>
      </c>
      <c r="AF89" s="1389">
        <v>2723291</v>
      </c>
      <c r="AG89" s="1376"/>
      <c r="AH89" s="1376"/>
      <c r="AI89" s="1376"/>
      <c r="AJ89" s="1376"/>
      <c r="AK89" s="1376"/>
      <c r="AL89" s="1376"/>
      <c r="AM89" s="1376"/>
      <c r="AN89" s="1376"/>
      <c r="AO89" s="1376"/>
      <c r="AP89" s="1376"/>
      <c r="AQ89" s="1376"/>
      <c r="AR89" s="1376"/>
      <c r="AS89" s="1376"/>
      <c r="AT89" s="1376"/>
      <c r="AU89" s="1376"/>
      <c r="AV89" s="1376"/>
      <c r="AW89" s="1376"/>
      <c r="AX89" s="1376"/>
      <c r="AY89" s="1376"/>
      <c r="AZ89" s="1376"/>
      <c r="BA89" s="1376"/>
      <c r="BB89" s="1376"/>
      <c r="BC89" s="1376"/>
      <c r="BD89" s="1376"/>
      <c r="BE89" s="1376"/>
      <c r="BF89" s="1376"/>
      <c r="BG89" s="1376"/>
      <c r="BH89" s="1376"/>
      <c r="BI89" s="1376"/>
      <c r="BJ89" s="1376"/>
      <c r="BK89" s="1376"/>
      <c r="CJ89" s="1376"/>
      <c r="CK89" s="1376"/>
      <c r="CL89" s="1376"/>
      <c r="CM89" s="1376"/>
      <c r="CN89" s="1376"/>
      <c r="CO89" s="1376"/>
      <c r="CP89" s="1376"/>
    </row>
    <row r="90" spans="23:94" ht="18" customHeight="1" x14ac:dyDescent="0.15">
      <c r="W90" s="1371"/>
      <c r="X90" s="1371">
        <v>43769098</v>
      </c>
      <c r="Y90" s="1386">
        <v>58940</v>
      </c>
      <c r="Z90" s="1386">
        <v>43828038</v>
      </c>
      <c r="AA90" s="1376">
        <v>17768909</v>
      </c>
      <c r="AB90" s="1376">
        <v>53800</v>
      </c>
      <c r="AC90" s="1376">
        <v>17822709</v>
      </c>
      <c r="AD90" s="1376">
        <v>6235590</v>
      </c>
      <c r="AE90" s="1376">
        <v>0</v>
      </c>
      <c r="AF90" s="1389">
        <v>6235590</v>
      </c>
      <c r="AG90" s="1376"/>
      <c r="AH90" s="1376"/>
      <c r="AI90" s="1376"/>
      <c r="AJ90" s="1376"/>
      <c r="AK90" s="1376"/>
      <c r="AL90" s="1376"/>
      <c r="AM90" s="1376"/>
      <c r="AN90" s="1376"/>
      <c r="AO90" s="1376"/>
      <c r="AP90" s="1376"/>
      <c r="AQ90" s="1376"/>
      <c r="AR90" s="1376"/>
      <c r="AS90" s="1376"/>
      <c r="AT90" s="1376"/>
      <c r="AU90" s="1376"/>
      <c r="AV90" s="1376"/>
      <c r="AW90" s="1376"/>
      <c r="AX90" s="1376"/>
      <c r="AY90" s="1376"/>
      <c r="AZ90" s="1376"/>
      <c r="BA90" s="1376"/>
      <c r="BB90" s="1376"/>
      <c r="BC90" s="1376"/>
      <c r="BD90" s="1376"/>
      <c r="BE90" s="1376"/>
      <c r="BF90" s="1376"/>
      <c r="BG90" s="1376"/>
      <c r="BH90" s="1376"/>
      <c r="BI90" s="1376"/>
      <c r="BJ90" s="1376"/>
      <c r="BK90" s="1376"/>
      <c r="CJ90" s="1376"/>
      <c r="CK90" s="1376"/>
      <c r="CL90" s="1376"/>
      <c r="CM90" s="1376"/>
      <c r="CN90" s="1376"/>
      <c r="CO90" s="1376"/>
      <c r="CP90" s="1376"/>
    </row>
    <row r="91" spans="23:94" ht="18" customHeight="1" x14ac:dyDescent="0.15">
      <c r="W91" s="1371"/>
      <c r="X91" s="1371">
        <v>56400960</v>
      </c>
      <c r="Y91" s="1386">
        <v>76440</v>
      </c>
      <c r="Z91" s="1386">
        <v>56477400</v>
      </c>
      <c r="AA91" s="1376">
        <v>25336800</v>
      </c>
      <c r="AB91" s="1376">
        <v>22200</v>
      </c>
      <c r="AC91" s="1376">
        <v>25359000</v>
      </c>
      <c r="AD91" s="1376">
        <v>9365520</v>
      </c>
      <c r="AE91" s="1376">
        <v>8160</v>
      </c>
      <c r="AF91" s="1389">
        <v>9373680</v>
      </c>
      <c r="AG91" s="1376"/>
      <c r="AH91" s="1376"/>
      <c r="AI91" s="1376"/>
      <c r="AJ91" s="1376"/>
      <c r="AK91" s="1376"/>
      <c r="AL91" s="1376"/>
      <c r="AM91" s="1376"/>
      <c r="AN91" s="1376"/>
      <c r="AO91" s="1376"/>
      <c r="AP91" s="1376"/>
      <c r="AQ91" s="1376"/>
      <c r="AR91" s="1376"/>
      <c r="AS91" s="1376"/>
      <c r="AT91" s="1376"/>
      <c r="AU91" s="1376"/>
      <c r="AV91" s="1376"/>
      <c r="AW91" s="1376"/>
      <c r="AX91" s="1376"/>
      <c r="AY91" s="1376"/>
      <c r="AZ91" s="1376"/>
      <c r="BA91" s="1376"/>
      <c r="BB91" s="1376"/>
      <c r="BC91" s="1376"/>
      <c r="BD91" s="1376"/>
      <c r="BE91" s="1376"/>
      <c r="BF91" s="1376"/>
      <c r="BG91" s="1376"/>
      <c r="BH91" s="1376"/>
      <c r="BI91" s="1376"/>
      <c r="BJ91" s="1376"/>
      <c r="BK91" s="1376"/>
      <c r="CJ91" s="1376"/>
      <c r="CK91" s="1376"/>
      <c r="CL91" s="1376"/>
      <c r="CM91" s="1376"/>
      <c r="CN91" s="1376"/>
      <c r="CO91" s="1376"/>
      <c r="CP91" s="1376"/>
    </row>
    <row r="92" spans="23:94" ht="18" customHeight="1" x14ac:dyDescent="0.15">
      <c r="W92" s="1371"/>
      <c r="X92" s="1371">
        <v>2720200</v>
      </c>
      <c r="Y92" s="1386">
        <v>0</v>
      </c>
      <c r="Z92" s="1386">
        <v>2720200</v>
      </c>
      <c r="AA92" s="30">
        <v>1752400</v>
      </c>
      <c r="AB92" s="1376">
        <v>0</v>
      </c>
      <c r="AC92" s="1376">
        <v>1752400</v>
      </c>
      <c r="AD92" s="1376">
        <v>832720</v>
      </c>
      <c r="AE92" s="1376">
        <v>0</v>
      </c>
      <c r="AF92" s="1389">
        <v>832720</v>
      </c>
      <c r="AG92" s="1376"/>
      <c r="AH92" s="1376"/>
      <c r="AI92" s="1376"/>
      <c r="AJ92" s="1376"/>
      <c r="AK92" s="1376"/>
      <c r="AL92" s="1376"/>
      <c r="AM92" s="1376"/>
      <c r="AN92" s="1376"/>
      <c r="AO92" s="1376"/>
      <c r="AP92" s="1376"/>
      <c r="AQ92" s="1376"/>
      <c r="AR92" s="1376"/>
      <c r="AS92" s="1376"/>
      <c r="AT92" s="1376"/>
      <c r="AU92" s="1376"/>
      <c r="AV92" s="1376"/>
      <c r="AW92" s="1376"/>
      <c r="AX92" s="1376"/>
      <c r="AY92" s="1376"/>
      <c r="AZ92" s="1376"/>
      <c r="BA92" s="1376"/>
      <c r="BB92" s="1376"/>
      <c r="BC92" s="1376"/>
      <c r="BD92" s="1376"/>
      <c r="BE92" s="1376"/>
      <c r="BF92" s="1376"/>
      <c r="BG92" s="1376"/>
      <c r="BH92" s="1376"/>
      <c r="BI92" s="1376"/>
      <c r="BJ92" s="1376"/>
      <c r="BK92" s="1376"/>
      <c r="CJ92" s="1376"/>
      <c r="CK92" s="1376"/>
      <c r="CL92" s="1376"/>
      <c r="CM92" s="1376"/>
      <c r="CN92" s="1376"/>
      <c r="CO92" s="1376"/>
      <c r="CP92" s="1376"/>
    </row>
    <row r="93" spans="23:94" ht="18" customHeight="1" x14ac:dyDescent="0.15">
      <c r="W93" s="1371"/>
      <c r="X93" s="1371"/>
      <c r="Y93" s="1371"/>
    </row>
    <row r="94" spans="23:94" ht="18" customHeight="1" x14ac:dyDescent="0.15">
      <c r="W94" s="1371"/>
      <c r="X94" s="1371"/>
      <c r="Y94" s="1371"/>
    </row>
    <row r="95" spans="23:94" ht="18" customHeight="1" x14ac:dyDescent="0.15"/>
    <row r="96" spans="23:94" ht="18" customHeight="1" x14ac:dyDescent="0.15"/>
    <row r="97" ht="18" customHeight="1" x14ac:dyDescent="0.15"/>
    <row r="98" ht="18" customHeight="1" x14ac:dyDescent="0.15"/>
    <row r="99" ht="18" customHeight="1" x14ac:dyDescent="0.15"/>
    <row r="100" ht="18" customHeight="1" x14ac:dyDescent="0.15"/>
    <row r="101" ht="18" customHeight="1" x14ac:dyDescent="0.15"/>
    <row r="102" ht="18" customHeight="1" x14ac:dyDescent="0.15"/>
    <row r="103" ht="18" customHeight="1" x14ac:dyDescent="0.15"/>
    <row r="104" ht="18" customHeight="1" x14ac:dyDescent="0.15"/>
    <row r="105" ht="18" customHeight="1" x14ac:dyDescent="0.15"/>
    <row r="106" ht="18" customHeight="1" x14ac:dyDescent="0.15"/>
    <row r="107" ht="18" customHeight="1" x14ac:dyDescent="0.15"/>
    <row r="108" ht="18" customHeight="1" x14ac:dyDescent="0.15"/>
    <row r="109" ht="18" customHeight="1" x14ac:dyDescent="0.15"/>
    <row r="110" ht="18" customHeight="1" x14ac:dyDescent="0.15"/>
    <row r="111" ht="18" customHeight="1" x14ac:dyDescent="0.15"/>
    <row r="112" ht="18" customHeight="1" x14ac:dyDescent="0.15"/>
    <row r="113" ht="18" customHeight="1" x14ac:dyDescent="0.15"/>
    <row r="114" ht="18" customHeight="1" x14ac:dyDescent="0.15"/>
    <row r="115" ht="18" customHeight="1" x14ac:dyDescent="0.15"/>
    <row r="116" ht="18" customHeight="1" x14ac:dyDescent="0.15"/>
    <row r="117" ht="18" customHeight="1" x14ac:dyDescent="0.15"/>
    <row r="118" ht="18" customHeight="1" x14ac:dyDescent="0.15"/>
    <row r="119" ht="18" customHeight="1" x14ac:dyDescent="0.15"/>
    <row r="120" ht="18" customHeight="1" x14ac:dyDescent="0.15"/>
    <row r="121" ht="18" customHeight="1" x14ac:dyDescent="0.15"/>
    <row r="122" ht="18" customHeight="1" x14ac:dyDescent="0.15"/>
    <row r="123" ht="18" customHeight="1" x14ac:dyDescent="0.15"/>
    <row r="124" ht="18" customHeight="1" x14ac:dyDescent="0.15"/>
    <row r="125" ht="18" customHeight="1" x14ac:dyDescent="0.15"/>
    <row r="126" ht="18" customHeight="1" x14ac:dyDescent="0.15"/>
    <row r="127" ht="18" customHeight="1" x14ac:dyDescent="0.15"/>
    <row r="128" ht="18" customHeight="1" x14ac:dyDescent="0.15"/>
    <row r="129" ht="18" customHeight="1" x14ac:dyDescent="0.15"/>
    <row r="130" ht="18" customHeight="1" x14ac:dyDescent="0.15"/>
    <row r="131" ht="18" customHeight="1" x14ac:dyDescent="0.15"/>
    <row r="132" ht="18" customHeight="1" x14ac:dyDescent="0.15"/>
    <row r="133" ht="18" customHeight="1" x14ac:dyDescent="0.15"/>
    <row r="134" ht="18" customHeight="1" x14ac:dyDescent="0.15"/>
    <row r="135" ht="18" customHeight="1" x14ac:dyDescent="0.15"/>
    <row r="136" ht="18" customHeight="1" x14ac:dyDescent="0.15"/>
    <row r="137" ht="18" customHeight="1" x14ac:dyDescent="0.15"/>
    <row r="138" ht="18" customHeight="1" x14ac:dyDescent="0.15"/>
    <row r="139" ht="18" customHeight="1" x14ac:dyDescent="0.15"/>
    <row r="140" ht="18" customHeight="1" x14ac:dyDescent="0.15"/>
    <row r="141" ht="18" customHeight="1" x14ac:dyDescent="0.15"/>
    <row r="142" ht="18" customHeight="1" x14ac:dyDescent="0.15"/>
    <row r="143" ht="18" customHeight="1" x14ac:dyDescent="0.15"/>
    <row r="144" ht="18" customHeight="1" x14ac:dyDescent="0.15"/>
    <row r="145" ht="18" customHeight="1" x14ac:dyDescent="0.15"/>
    <row r="146" ht="18" customHeight="1" x14ac:dyDescent="0.15"/>
    <row r="147" ht="18" customHeight="1" x14ac:dyDescent="0.15"/>
    <row r="148" ht="18" customHeight="1" x14ac:dyDescent="0.15"/>
    <row r="149" ht="18" customHeight="1" x14ac:dyDescent="0.15"/>
    <row r="150" ht="18" customHeight="1" x14ac:dyDescent="0.15"/>
    <row r="151" ht="18" customHeight="1" x14ac:dyDescent="0.15"/>
    <row r="152" ht="18" customHeight="1" x14ac:dyDescent="0.15"/>
    <row r="153" ht="18" customHeight="1" x14ac:dyDescent="0.15"/>
    <row r="154" ht="18" customHeight="1" x14ac:dyDescent="0.15"/>
    <row r="155" ht="18" customHeight="1" x14ac:dyDescent="0.15"/>
    <row r="156" ht="18" customHeight="1" x14ac:dyDescent="0.15"/>
    <row r="157" ht="18" customHeight="1" x14ac:dyDescent="0.15"/>
    <row r="158" ht="18" customHeight="1" x14ac:dyDescent="0.15"/>
    <row r="159" ht="18" customHeight="1" x14ac:dyDescent="0.15"/>
    <row r="160" ht="18" customHeight="1" x14ac:dyDescent="0.15"/>
    <row r="161" ht="18" customHeight="1" x14ac:dyDescent="0.15"/>
    <row r="162" ht="18" customHeight="1" x14ac:dyDescent="0.15"/>
    <row r="163" ht="18" customHeight="1" x14ac:dyDescent="0.15"/>
    <row r="164" ht="18" customHeight="1" x14ac:dyDescent="0.15"/>
    <row r="165" ht="18" customHeight="1" x14ac:dyDescent="0.15"/>
    <row r="166" ht="18" customHeight="1" x14ac:dyDescent="0.15"/>
    <row r="167" ht="18" customHeight="1" x14ac:dyDescent="0.15"/>
    <row r="168" ht="18" customHeight="1" x14ac:dyDescent="0.15"/>
    <row r="169" ht="18" customHeight="1" x14ac:dyDescent="0.15"/>
    <row r="170" ht="18" customHeight="1" x14ac:dyDescent="0.15"/>
    <row r="171" ht="18" customHeight="1" x14ac:dyDescent="0.15"/>
    <row r="172" ht="18" customHeight="1" x14ac:dyDescent="0.15"/>
    <row r="173" ht="18" customHeight="1" x14ac:dyDescent="0.15"/>
    <row r="174" ht="18" customHeight="1" x14ac:dyDescent="0.15"/>
    <row r="175" ht="18" customHeight="1" x14ac:dyDescent="0.15"/>
    <row r="176" ht="18" customHeight="1" x14ac:dyDescent="0.15"/>
    <row r="177" ht="18" customHeight="1" x14ac:dyDescent="0.15"/>
    <row r="178" ht="18" customHeight="1" x14ac:dyDescent="0.15"/>
    <row r="179" ht="18" customHeight="1" x14ac:dyDescent="0.15"/>
    <row r="180" ht="18" customHeight="1" x14ac:dyDescent="0.15"/>
    <row r="181" ht="18" customHeight="1" x14ac:dyDescent="0.15"/>
    <row r="182" ht="18" customHeight="1" x14ac:dyDescent="0.15"/>
    <row r="183" ht="18" customHeight="1" x14ac:dyDescent="0.15"/>
    <row r="184" ht="18" customHeight="1" x14ac:dyDescent="0.15"/>
    <row r="185" ht="18" customHeight="1" x14ac:dyDescent="0.15"/>
    <row r="186" ht="18" customHeight="1" x14ac:dyDescent="0.15"/>
    <row r="187" ht="18" customHeight="1" x14ac:dyDescent="0.15"/>
    <row r="188" ht="18" customHeight="1" x14ac:dyDescent="0.15"/>
    <row r="189" ht="18" customHeight="1" x14ac:dyDescent="0.15"/>
    <row r="190" ht="18" customHeight="1" x14ac:dyDescent="0.15"/>
    <row r="191" ht="18" customHeight="1" x14ac:dyDescent="0.15"/>
    <row r="192" ht="18" customHeight="1" x14ac:dyDescent="0.15"/>
    <row r="193" ht="18" customHeight="1" x14ac:dyDescent="0.15"/>
    <row r="194" ht="18" customHeight="1" x14ac:dyDescent="0.15"/>
    <row r="195" ht="18" customHeight="1" x14ac:dyDescent="0.15"/>
    <row r="196" ht="18" customHeight="1" x14ac:dyDescent="0.15"/>
    <row r="197" ht="18" customHeight="1" x14ac:dyDescent="0.15"/>
    <row r="198" ht="18" customHeight="1" x14ac:dyDescent="0.15"/>
    <row r="199" ht="18" customHeight="1" x14ac:dyDescent="0.15"/>
    <row r="200" ht="18" customHeight="1" x14ac:dyDescent="0.15"/>
    <row r="201" ht="18" customHeight="1" x14ac:dyDescent="0.15"/>
    <row r="202" ht="18" customHeight="1" x14ac:dyDescent="0.15"/>
    <row r="203" ht="18" customHeight="1" x14ac:dyDescent="0.15"/>
    <row r="204" ht="18" customHeight="1" x14ac:dyDescent="0.15"/>
    <row r="205" ht="18" customHeight="1" x14ac:dyDescent="0.15"/>
    <row r="206" ht="18" customHeight="1" x14ac:dyDescent="0.15"/>
    <row r="207" ht="18" customHeight="1" x14ac:dyDescent="0.15"/>
    <row r="208" ht="18" customHeight="1" x14ac:dyDescent="0.15"/>
    <row r="209" ht="18" customHeight="1" x14ac:dyDescent="0.15"/>
    <row r="210" ht="18" customHeight="1" x14ac:dyDescent="0.15"/>
    <row r="211" ht="18" customHeight="1" x14ac:dyDescent="0.15"/>
    <row r="212" ht="18" customHeight="1" x14ac:dyDescent="0.15"/>
    <row r="213" ht="18" customHeight="1" x14ac:dyDescent="0.15"/>
    <row r="214" ht="18" customHeight="1" x14ac:dyDescent="0.15"/>
    <row r="215" ht="18" customHeight="1" x14ac:dyDescent="0.15"/>
    <row r="216" ht="18" customHeight="1" x14ac:dyDescent="0.15"/>
    <row r="217" ht="18" customHeight="1" x14ac:dyDescent="0.15"/>
    <row r="218" ht="18" customHeight="1" x14ac:dyDescent="0.15"/>
    <row r="219" ht="18" customHeight="1" x14ac:dyDescent="0.15"/>
    <row r="220" ht="18" customHeight="1" x14ac:dyDescent="0.15"/>
    <row r="221" ht="18" customHeight="1" x14ac:dyDescent="0.15"/>
    <row r="222" ht="18" customHeight="1" x14ac:dyDescent="0.15"/>
    <row r="223" ht="18" customHeight="1" x14ac:dyDescent="0.15"/>
    <row r="224" ht="18" customHeight="1" x14ac:dyDescent="0.15"/>
    <row r="225" ht="18" customHeight="1" x14ac:dyDescent="0.15"/>
    <row r="226" ht="18" customHeight="1" x14ac:dyDescent="0.15"/>
    <row r="227" ht="18" customHeight="1" x14ac:dyDescent="0.15"/>
    <row r="228" ht="18" customHeight="1" x14ac:dyDescent="0.15"/>
    <row r="229" ht="18" customHeight="1" x14ac:dyDescent="0.15"/>
    <row r="230" ht="18" customHeight="1" x14ac:dyDescent="0.15"/>
    <row r="231" ht="18" customHeight="1" x14ac:dyDescent="0.15"/>
    <row r="232" ht="18" customHeight="1" x14ac:dyDescent="0.15"/>
    <row r="233" ht="18" customHeight="1" x14ac:dyDescent="0.15"/>
    <row r="234" ht="18" customHeight="1" x14ac:dyDescent="0.15"/>
    <row r="235" ht="18" customHeight="1" x14ac:dyDescent="0.15"/>
    <row r="236" ht="18" customHeight="1" x14ac:dyDescent="0.15"/>
    <row r="237" ht="18" customHeight="1" x14ac:dyDescent="0.15"/>
    <row r="238" ht="18" customHeight="1" x14ac:dyDescent="0.15"/>
    <row r="239" ht="18" customHeight="1" x14ac:dyDescent="0.15"/>
    <row r="240" ht="18" customHeight="1" x14ac:dyDescent="0.15"/>
    <row r="241" ht="18" customHeight="1" x14ac:dyDescent="0.15"/>
    <row r="242" ht="18" customHeight="1" x14ac:dyDescent="0.15"/>
    <row r="243" ht="18" customHeight="1" x14ac:dyDescent="0.15"/>
    <row r="244" ht="18" customHeight="1" x14ac:dyDescent="0.15"/>
    <row r="245" ht="18" customHeight="1" x14ac:dyDescent="0.15"/>
    <row r="246" ht="18" customHeight="1" x14ac:dyDescent="0.15"/>
    <row r="247" ht="18" customHeight="1" x14ac:dyDescent="0.15"/>
    <row r="248" ht="18" customHeight="1" x14ac:dyDescent="0.15"/>
    <row r="249" ht="18" customHeight="1" x14ac:dyDescent="0.15"/>
    <row r="250" ht="18" customHeight="1" x14ac:dyDescent="0.15"/>
    <row r="251" ht="18" customHeight="1" x14ac:dyDescent="0.15"/>
    <row r="252" ht="18" customHeight="1" x14ac:dyDescent="0.15"/>
    <row r="253" ht="18" customHeight="1" x14ac:dyDescent="0.15"/>
    <row r="254" ht="18" customHeight="1" x14ac:dyDescent="0.15"/>
    <row r="255" ht="18" customHeight="1" x14ac:dyDescent="0.15"/>
    <row r="256" ht="18" customHeight="1" x14ac:dyDescent="0.15"/>
    <row r="257" ht="18" customHeight="1" x14ac:dyDescent="0.15"/>
    <row r="258" ht="18" customHeight="1" x14ac:dyDescent="0.15"/>
    <row r="259" ht="18" customHeight="1" x14ac:dyDescent="0.15"/>
    <row r="260" ht="18" customHeight="1" x14ac:dyDescent="0.15"/>
    <row r="261" ht="18" customHeight="1" x14ac:dyDescent="0.15"/>
    <row r="262" ht="18" customHeight="1" x14ac:dyDescent="0.15"/>
    <row r="263" ht="18" customHeight="1" x14ac:dyDescent="0.15"/>
    <row r="264" ht="18" customHeight="1" x14ac:dyDescent="0.15"/>
    <row r="265" ht="18" customHeight="1" x14ac:dyDescent="0.15"/>
    <row r="266" ht="18" customHeight="1" x14ac:dyDescent="0.15"/>
    <row r="267" ht="18" customHeight="1" x14ac:dyDescent="0.15"/>
    <row r="268" ht="18" customHeight="1" x14ac:dyDescent="0.15"/>
    <row r="269" ht="18" customHeight="1" x14ac:dyDescent="0.15"/>
    <row r="270" ht="18" customHeight="1" x14ac:dyDescent="0.15"/>
    <row r="271" ht="18" customHeight="1" x14ac:dyDescent="0.15"/>
    <row r="272" ht="18" customHeight="1" x14ac:dyDescent="0.15"/>
    <row r="273" ht="18" customHeight="1" x14ac:dyDescent="0.15"/>
    <row r="274" ht="18" customHeight="1" x14ac:dyDescent="0.15"/>
    <row r="275" ht="18" customHeight="1" x14ac:dyDescent="0.15"/>
    <row r="276" ht="18" customHeight="1" x14ac:dyDescent="0.15"/>
    <row r="277" ht="18" customHeight="1" x14ac:dyDescent="0.15"/>
    <row r="278" ht="18" customHeight="1" x14ac:dyDescent="0.15"/>
    <row r="279" ht="18" customHeight="1" x14ac:dyDescent="0.15"/>
    <row r="280" ht="18" customHeight="1" x14ac:dyDescent="0.15"/>
    <row r="281" ht="18" customHeight="1" x14ac:dyDescent="0.15"/>
    <row r="282" ht="18" customHeight="1" x14ac:dyDescent="0.15"/>
    <row r="283" ht="18" customHeight="1" x14ac:dyDescent="0.15"/>
    <row r="284" ht="18" customHeight="1" x14ac:dyDescent="0.15"/>
    <row r="285" ht="18" customHeight="1" x14ac:dyDescent="0.15"/>
    <row r="286" ht="18" customHeight="1" x14ac:dyDescent="0.15"/>
    <row r="287" ht="18" customHeight="1" x14ac:dyDescent="0.15"/>
    <row r="288" ht="18" customHeight="1" x14ac:dyDescent="0.15"/>
    <row r="289" ht="18" customHeight="1" x14ac:dyDescent="0.15"/>
    <row r="290" ht="18" customHeight="1" x14ac:dyDescent="0.15"/>
    <row r="291" ht="18" customHeight="1" x14ac:dyDescent="0.15"/>
    <row r="292" ht="18" customHeight="1" x14ac:dyDescent="0.15"/>
    <row r="293" ht="18" customHeight="1" x14ac:dyDescent="0.15"/>
    <row r="294" ht="18" customHeight="1" x14ac:dyDescent="0.15"/>
    <row r="295" ht="18" customHeight="1" x14ac:dyDescent="0.15"/>
    <row r="296" ht="18" customHeight="1" x14ac:dyDescent="0.15"/>
    <row r="297" ht="18" customHeight="1" x14ac:dyDescent="0.15"/>
    <row r="298" ht="18" customHeight="1" x14ac:dyDescent="0.15"/>
    <row r="299" ht="18" customHeight="1" x14ac:dyDescent="0.15"/>
    <row r="300" ht="18" customHeight="1" x14ac:dyDescent="0.15"/>
    <row r="301" ht="18" customHeight="1" x14ac:dyDescent="0.15"/>
    <row r="302" ht="18" customHeight="1" x14ac:dyDescent="0.15"/>
    <row r="303" ht="18" customHeight="1" x14ac:dyDescent="0.15"/>
    <row r="304" ht="18" customHeight="1" x14ac:dyDescent="0.15"/>
    <row r="305" ht="18" customHeight="1" x14ac:dyDescent="0.15"/>
    <row r="306" ht="18" customHeight="1" x14ac:dyDescent="0.15"/>
    <row r="307" ht="18" customHeight="1" x14ac:dyDescent="0.15"/>
    <row r="308" ht="18" customHeight="1" x14ac:dyDescent="0.15"/>
    <row r="309" ht="18" customHeight="1" x14ac:dyDescent="0.15"/>
    <row r="310" ht="18" customHeight="1" x14ac:dyDescent="0.15"/>
    <row r="311" ht="18" customHeight="1" x14ac:dyDescent="0.15"/>
    <row r="312" ht="18" customHeight="1" x14ac:dyDescent="0.15"/>
    <row r="313" ht="18" customHeight="1" x14ac:dyDescent="0.15"/>
    <row r="314" ht="18" customHeight="1" x14ac:dyDescent="0.15"/>
    <row r="315" ht="18" customHeight="1" x14ac:dyDescent="0.15"/>
    <row r="316" ht="18" customHeight="1" x14ac:dyDescent="0.15"/>
    <row r="317" ht="18" customHeight="1" x14ac:dyDescent="0.15"/>
    <row r="318" ht="18" customHeight="1" x14ac:dyDescent="0.15"/>
    <row r="319" ht="18" customHeight="1" x14ac:dyDescent="0.15"/>
    <row r="320" ht="18" customHeight="1" x14ac:dyDescent="0.15"/>
    <row r="321" ht="18" customHeight="1" x14ac:dyDescent="0.15"/>
    <row r="322" ht="18" customHeight="1" x14ac:dyDescent="0.15"/>
    <row r="323" ht="18" customHeight="1" x14ac:dyDescent="0.15"/>
    <row r="324" ht="18" customHeight="1" x14ac:dyDescent="0.15"/>
    <row r="325" ht="18" customHeight="1" x14ac:dyDescent="0.15"/>
    <row r="326" ht="18" customHeight="1" x14ac:dyDescent="0.15"/>
    <row r="327" ht="18" customHeight="1" x14ac:dyDescent="0.15"/>
    <row r="328" ht="18" customHeight="1" x14ac:dyDescent="0.15"/>
    <row r="329" ht="18" customHeight="1" x14ac:dyDescent="0.15"/>
    <row r="330" ht="18" customHeight="1" x14ac:dyDescent="0.15"/>
    <row r="331" ht="18" customHeight="1" x14ac:dyDescent="0.15"/>
    <row r="332" ht="18" customHeight="1" x14ac:dyDescent="0.15"/>
    <row r="333" ht="18" customHeight="1" x14ac:dyDescent="0.15"/>
    <row r="334" ht="18" customHeight="1" x14ac:dyDescent="0.15"/>
    <row r="335" ht="18" customHeight="1" x14ac:dyDescent="0.15"/>
    <row r="336" ht="18" customHeight="1" x14ac:dyDescent="0.15"/>
    <row r="337" ht="18" customHeight="1" x14ac:dyDescent="0.15"/>
    <row r="338" ht="18" customHeight="1" x14ac:dyDescent="0.15"/>
    <row r="339" ht="18" customHeight="1" x14ac:dyDescent="0.15"/>
    <row r="340" ht="18" customHeight="1" x14ac:dyDescent="0.15"/>
    <row r="341" ht="18" customHeight="1" x14ac:dyDescent="0.15"/>
    <row r="342" ht="18" customHeight="1" x14ac:dyDescent="0.15"/>
    <row r="343" ht="18" customHeight="1" x14ac:dyDescent="0.15"/>
    <row r="344" ht="18" customHeight="1" x14ac:dyDescent="0.15"/>
    <row r="345" ht="18" customHeight="1" x14ac:dyDescent="0.15"/>
    <row r="346" ht="18" customHeight="1" x14ac:dyDescent="0.15"/>
    <row r="347" ht="18" customHeight="1" x14ac:dyDescent="0.15"/>
    <row r="348" ht="18" customHeight="1" x14ac:dyDescent="0.15"/>
    <row r="349" ht="18" customHeight="1" x14ac:dyDescent="0.15"/>
    <row r="350" ht="18" customHeight="1" x14ac:dyDescent="0.15"/>
    <row r="351" ht="18" customHeight="1" x14ac:dyDescent="0.15"/>
    <row r="352" ht="18" customHeight="1" x14ac:dyDescent="0.15"/>
    <row r="353" ht="18" customHeight="1" x14ac:dyDescent="0.15"/>
    <row r="354" ht="18" customHeight="1" x14ac:dyDescent="0.15"/>
    <row r="355" ht="18" customHeight="1" x14ac:dyDescent="0.15"/>
    <row r="356" ht="18" customHeight="1" x14ac:dyDescent="0.15"/>
    <row r="357" ht="18" customHeight="1" x14ac:dyDescent="0.15"/>
    <row r="358" ht="18" customHeight="1" x14ac:dyDescent="0.15"/>
    <row r="359" ht="18" customHeight="1" x14ac:dyDescent="0.15"/>
    <row r="360" ht="18" customHeight="1" x14ac:dyDescent="0.15"/>
    <row r="361" ht="18" customHeight="1" x14ac:dyDescent="0.15"/>
    <row r="362" ht="18" customHeight="1" x14ac:dyDescent="0.15"/>
    <row r="363" ht="18" customHeight="1" x14ac:dyDescent="0.15"/>
    <row r="364" ht="18" customHeight="1" x14ac:dyDescent="0.15"/>
    <row r="365" ht="18" customHeight="1" x14ac:dyDescent="0.15"/>
    <row r="366" ht="18" customHeight="1" x14ac:dyDescent="0.15"/>
    <row r="367" ht="18" customHeight="1" x14ac:dyDescent="0.15"/>
    <row r="368" ht="18" customHeight="1" x14ac:dyDescent="0.15"/>
    <row r="369" ht="18" customHeight="1" x14ac:dyDescent="0.15"/>
    <row r="370" ht="18" customHeight="1" x14ac:dyDescent="0.15"/>
    <row r="371" ht="18" customHeight="1" x14ac:dyDescent="0.15"/>
    <row r="372" ht="18" customHeight="1" x14ac:dyDescent="0.15"/>
    <row r="373" ht="18" customHeight="1" x14ac:dyDescent="0.15"/>
    <row r="374" ht="18" customHeight="1" x14ac:dyDescent="0.15"/>
    <row r="375" ht="18" customHeight="1" x14ac:dyDescent="0.15"/>
    <row r="376" ht="18" customHeight="1" x14ac:dyDescent="0.15"/>
    <row r="377" ht="18" customHeight="1" x14ac:dyDescent="0.15"/>
    <row r="378" ht="18" customHeight="1" x14ac:dyDescent="0.15"/>
    <row r="379" ht="18" customHeight="1" x14ac:dyDescent="0.15"/>
    <row r="380" ht="18" customHeight="1" x14ac:dyDescent="0.15"/>
    <row r="381" ht="18" customHeight="1" x14ac:dyDescent="0.15"/>
    <row r="382" ht="18" customHeight="1" x14ac:dyDescent="0.15"/>
    <row r="383" ht="18" customHeight="1" x14ac:dyDescent="0.15"/>
    <row r="384" ht="18" customHeight="1" x14ac:dyDescent="0.15"/>
    <row r="385" ht="18" customHeight="1" x14ac:dyDescent="0.15"/>
    <row r="386" ht="18" customHeight="1" x14ac:dyDescent="0.15"/>
    <row r="387" ht="18" customHeight="1" x14ac:dyDescent="0.15"/>
    <row r="388" ht="18" customHeight="1" x14ac:dyDescent="0.15"/>
    <row r="389" ht="18" customHeight="1" x14ac:dyDescent="0.15"/>
    <row r="390" ht="18" customHeight="1" x14ac:dyDescent="0.15"/>
    <row r="391" ht="18" customHeight="1" x14ac:dyDescent="0.15"/>
    <row r="392" ht="18" customHeight="1" x14ac:dyDescent="0.15"/>
    <row r="393" ht="18" customHeight="1" x14ac:dyDescent="0.15"/>
    <row r="394" ht="18" customHeight="1" x14ac:dyDescent="0.15"/>
    <row r="395" ht="18" customHeight="1" x14ac:dyDescent="0.15"/>
    <row r="396" ht="18" customHeight="1" x14ac:dyDescent="0.15"/>
    <row r="397" ht="18" customHeight="1" x14ac:dyDescent="0.15"/>
    <row r="398" ht="18" customHeight="1" x14ac:dyDescent="0.15"/>
    <row r="399" ht="18" customHeight="1" x14ac:dyDescent="0.15"/>
    <row r="400" ht="18" customHeight="1" x14ac:dyDescent="0.15"/>
    <row r="401" ht="18" customHeight="1" x14ac:dyDescent="0.15"/>
    <row r="402" ht="18" customHeight="1" x14ac:dyDescent="0.15"/>
    <row r="403" ht="18" customHeight="1" x14ac:dyDescent="0.15"/>
    <row r="404" ht="18" customHeight="1" x14ac:dyDescent="0.15"/>
    <row r="405" ht="18" customHeight="1" x14ac:dyDescent="0.15"/>
    <row r="406" ht="18" customHeight="1" x14ac:dyDescent="0.15"/>
    <row r="407" ht="18" customHeight="1" x14ac:dyDescent="0.15"/>
    <row r="408" ht="18" customHeight="1" x14ac:dyDescent="0.15"/>
    <row r="409" ht="18" customHeight="1" x14ac:dyDescent="0.15"/>
    <row r="410" ht="18" customHeight="1" x14ac:dyDescent="0.15"/>
    <row r="411" ht="18" customHeight="1" x14ac:dyDescent="0.15"/>
    <row r="412" ht="18" customHeight="1" x14ac:dyDescent="0.15"/>
    <row r="413" ht="18" customHeight="1" x14ac:dyDescent="0.15"/>
    <row r="414" ht="18" customHeight="1" x14ac:dyDescent="0.15"/>
    <row r="415" ht="18" customHeight="1" x14ac:dyDescent="0.15"/>
    <row r="416" ht="18" customHeight="1" x14ac:dyDescent="0.15"/>
    <row r="417" ht="18" customHeight="1" x14ac:dyDescent="0.15"/>
  </sheetData>
  <mergeCells count="96">
    <mergeCell ref="AW5:AW6"/>
    <mergeCell ref="BF5:BF6"/>
    <mergeCell ref="BG5:BG6"/>
    <mergeCell ref="CM49:CN49"/>
    <mergeCell ref="CI48:CK48"/>
    <mergeCell ref="CM48:CN48"/>
    <mergeCell ref="BK44:BL44"/>
    <mergeCell ref="BK45:BL45"/>
    <mergeCell ref="BK46:BL46"/>
    <mergeCell ref="BH48:BI48"/>
    <mergeCell ref="CG44:CH44"/>
    <mergeCell ref="BB46:BC46"/>
    <mergeCell ref="BM4:BM6"/>
    <mergeCell ref="BU4:BU6"/>
    <mergeCell ref="BK3:BL6"/>
    <mergeCell ref="BH5:BH6"/>
    <mergeCell ref="BH4:BI4"/>
    <mergeCell ref="BD5:BD6"/>
    <mergeCell ref="BB45:BC45"/>
    <mergeCell ref="BB44:BC44"/>
    <mergeCell ref="BD4:BF4"/>
    <mergeCell ref="BB3:BC6"/>
    <mergeCell ref="BD3:BJ3"/>
    <mergeCell ref="BI5:BI6"/>
    <mergeCell ref="BE5:BE6"/>
    <mergeCell ref="BJ4:BJ6"/>
    <mergeCell ref="K4:K6"/>
    <mergeCell ref="A3:B6"/>
    <mergeCell ref="C4:C6"/>
    <mergeCell ref="L5:L6"/>
    <mergeCell ref="AC5:AC6"/>
    <mergeCell ref="Y5:Y6"/>
    <mergeCell ref="Q5:Q6"/>
    <mergeCell ref="AA5:AA6"/>
    <mergeCell ref="M5:M6"/>
    <mergeCell ref="Z5:Z6"/>
    <mergeCell ref="O5:O6"/>
    <mergeCell ref="P5:P6"/>
    <mergeCell ref="N5:N6"/>
    <mergeCell ref="C3:V3"/>
    <mergeCell ref="W3:X6"/>
    <mergeCell ref="R5:R6"/>
    <mergeCell ref="AI4:AO4"/>
    <mergeCell ref="AR5:AR6"/>
    <mergeCell ref="AS5:AS6"/>
    <mergeCell ref="A44:B44"/>
    <mergeCell ref="A45:B45"/>
    <mergeCell ref="A46:B46"/>
    <mergeCell ref="W44:X44"/>
    <mergeCell ref="W45:X45"/>
    <mergeCell ref="W46:X46"/>
    <mergeCell ref="CI3:CO3"/>
    <mergeCell ref="CB5:CB6"/>
    <mergeCell ref="CN5:CN6"/>
    <mergeCell ref="CL5:CL6"/>
    <mergeCell ref="CM5:CM6"/>
    <mergeCell ref="CM4:CN4"/>
    <mergeCell ref="BV4:CB4"/>
    <mergeCell ref="CI4:CL4"/>
    <mergeCell ref="CG3:CH6"/>
    <mergeCell ref="CC4:CF4"/>
    <mergeCell ref="BM3:CF3"/>
    <mergeCell ref="BN4:BT4"/>
    <mergeCell ref="BV5:BV6"/>
    <mergeCell ref="Y49:AA49"/>
    <mergeCell ref="AC49:AD49"/>
    <mergeCell ref="AF44:AG44"/>
    <mergeCell ref="AF45:AG45"/>
    <mergeCell ref="AH4:AH6"/>
    <mergeCell ref="AF46:AG46"/>
    <mergeCell ref="AF3:AG6"/>
    <mergeCell ref="AH3:BA3"/>
    <mergeCell ref="AP4:AP6"/>
    <mergeCell ref="AQ4:AW4"/>
    <mergeCell ref="Y3:AE3"/>
    <mergeCell ref="AV5:AV6"/>
    <mergeCell ref="AE4:AE5"/>
    <mergeCell ref="AT5:AT6"/>
    <mergeCell ref="AU5:AU6"/>
    <mergeCell ref="AX4:BA4"/>
    <mergeCell ref="X58:AF58"/>
    <mergeCell ref="BH49:BI49"/>
    <mergeCell ref="S4:V4"/>
    <mergeCell ref="CO4:CO6"/>
    <mergeCell ref="BW5:BW6"/>
    <mergeCell ref="AQ5:AQ6"/>
    <mergeCell ref="CJ5:CJ6"/>
    <mergeCell ref="BY5:BY6"/>
    <mergeCell ref="AC4:AD4"/>
    <mergeCell ref="CG45:CH45"/>
    <mergeCell ref="CG46:CH46"/>
    <mergeCell ref="CK5:CK6"/>
    <mergeCell ref="CI5:CI6"/>
    <mergeCell ref="CA5:CA6"/>
    <mergeCell ref="BZ5:BZ6"/>
    <mergeCell ref="BX5:BX6"/>
  </mergeCells>
  <phoneticPr fontId="0"/>
  <printOptions verticalCentered="1" gridLinesSet="0"/>
  <pageMargins left="0.78740157480314965" right="0.39370078740157483" top="0.59055118110236227" bottom="0.59055118110236227" header="0.43307086614173229" footer="0.35433070866141736"/>
  <pageSetup paperSize="9" scale="85" orientation="landscape" blackAndWhite="1" r:id="rId1"/>
  <headerFooter alignWithMargins="0"/>
  <colBreaks count="6" manualBreakCount="6">
    <brk id="22" max="45" man="1"/>
    <brk id="31" max="45" man="1"/>
    <brk id="53" max="45" man="1"/>
    <brk id="62" max="45" man="1"/>
    <brk id="84" max="45" man="1"/>
    <brk id="93" max="49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0"/>
  <dimension ref="A1:P114"/>
  <sheetViews>
    <sheetView zoomScaleNormal="100" zoomScaleSheetLayoutView="131" workbookViewId="0"/>
  </sheetViews>
  <sheetFormatPr defaultColWidth="9" defaultRowHeight="10.8" x14ac:dyDescent="0.15"/>
  <cols>
    <col min="1" max="2" width="3.33203125" style="408" customWidth="1"/>
    <col min="3" max="3" width="3.44140625" style="408" customWidth="1"/>
    <col min="4" max="4" width="7.6640625" style="408" customWidth="1"/>
    <col min="5" max="5" width="13.6640625" style="408" customWidth="1"/>
    <col min="6" max="6" width="15.77734375" style="408" customWidth="1"/>
    <col min="7" max="7" width="3.6640625" style="1213" customWidth="1"/>
    <col min="8" max="8" width="3" style="408" customWidth="1"/>
    <col min="9" max="9" width="4.88671875" style="408" customWidth="1"/>
    <col min="10" max="10" width="3" style="408" customWidth="1"/>
    <col min="11" max="11" width="15.44140625" style="408" customWidth="1"/>
    <col min="12" max="12" width="15.77734375" style="408" customWidth="1"/>
    <col min="13" max="13" width="14.109375" style="408" customWidth="1"/>
    <col min="14" max="14" width="11.44140625" style="408" customWidth="1"/>
    <col min="15" max="15" width="9.109375" style="408" bestFit="1" customWidth="1"/>
    <col min="16" max="16384" width="9" style="408"/>
  </cols>
  <sheetData>
    <row r="1" spans="1:16" ht="10.199999999999999" customHeight="1" x14ac:dyDescent="0.15"/>
    <row r="2" spans="1:16" s="322" customFormat="1" ht="12" customHeight="1" x14ac:dyDescent="0.2">
      <c r="A2" s="1169" t="s">
        <v>42</v>
      </c>
      <c r="B2" s="1169"/>
      <c r="C2" s="1170"/>
      <c r="D2" s="1171"/>
      <c r="E2" s="1171"/>
      <c r="F2" s="1171"/>
      <c r="G2" s="373"/>
      <c r="H2" s="373"/>
      <c r="I2" s="373"/>
      <c r="J2" s="373"/>
      <c r="K2" s="373"/>
      <c r="L2" s="373"/>
      <c r="M2" s="373"/>
      <c r="N2" s="373"/>
      <c r="O2" s="373"/>
      <c r="P2" s="373"/>
    </row>
    <row r="3" spans="1:16" s="322" customFormat="1" ht="12" customHeight="1" x14ac:dyDescent="0.2">
      <c r="A3" s="1214" t="s">
        <v>530</v>
      </c>
      <c r="B3" s="1214"/>
      <c r="C3" s="1214"/>
      <c r="D3" s="1214"/>
      <c r="E3" s="1214"/>
      <c r="F3" s="1214"/>
      <c r="G3" s="373"/>
      <c r="H3" s="445"/>
      <c r="I3" s="446"/>
      <c r="J3" s="323"/>
    </row>
    <row r="4" spans="1:16" s="322" customFormat="1" ht="10.199999999999999" customHeight="1" thickBot="1" x14ac:dyDescent="0.25">
      <c r="A4" s="446"/>
      <c r="B4" s="446"/>
      <c r="C4" s="1172"/>
      <c r="G4" s="373"/>
      <c r="H4" s="446"/>
      <c r="I4" s="446"/>
      <c r="J4" s="323"/>
    </row>
    <row r="5" spans="1:16" s="322" customFormat="1" ht="15" customHeight="1" x14ac:dyDescent="0.2">
      <c r="A5" s="1489" t="s">
        <v>500</v>
      </c>
      <c r="B5" s="1490"/>
      <c r="C5" s="1490"/>
      <c r="D5" s="1490"/>
      <c r="E5" s="1490"/>
      <c r="F5" s="1491"/>
      <c r="G5" s="1492" t="s">
        <v>499</v>
      </c>
      <c r="H5" s="1493"/>
      <c r="I5" s="1493"/>
      <c r="J5" s="1493"/>
      <c r="K5" s="1493"/>
      <c r="L5" s="1494"/>
    </row>
    <row r="6" spans="1:16" s="322" customFormat="1" ht="15" customHeight="1" x14ac:dyDescent="0.2">
      <c r="A6" s="1512" t="s">
        <v>532</v>
      </c>
      <c r="B6" s="1513"/>
      <c r="C6" s="1513"/>
      <c r="D6" s="1513"/>
      <c r="E6" s="1513"/>
      <c r="F6" s="425" t="s">
        <v>597</v>
      </c>
      <c r="G6" s="1512" t="s">
        <v>531</v>
      </c>
      <c r="H6" s="1513"/>
      <c r="I6" s="1513"/>
      <c r="J6" s="1513"/>
      <c r="K6" s="1513"/>
      <c r="L6" s="425" t="s">
        <v>598</v>
      </c>
    </row>
    <row r="7" spans="1:16" s="322" customFormat="1" ht="10.199999999999999" customHeight="1" x14ac:dyDescent="0.2">
      <c r="A7" s="1512"/>
      <c r="B7" s="1513"/>
      <c r="C7" s="1513"/>
      <c r="D7" s="1513"/>
      <c r="E7" s="1513"/>
      <c r="F7" s="426" t="s">
        <v>442</v>
      </c>
      <c r="G7" s="1512"/>
      <c r="H7" s="1513"/>
      <c r="I7" s="1513"/>
      <c r="J7" s="1513"/>
      <c r="K7" s="1513"/>
      <c r="L7" s="426" t="s">
        <v>442</v>
      </c>
    </row>
    <row r="8" spans="1:16" s="322" customFormat="1" ht="21" customHeight="1" x14ac:dyDescent="0.2">
      <c r="A8" s="1523" t="s">
        <v>407</v>
      </c>
      <c r="B8" s="1506" t="s">
        <v>385</v>
      </c>
      <c r="C8" s="1522" t="s">
        <v>386</v>
      </c>
      <c r="D8" s="1499" t="s">
        <v>387</v>
      </c>
      <c r="E8" s="1501"/>
      <c r="F8" s="427">
        <v>162459396604</v>
      </c>
      <c r="G8" s="1520" t="s">
        <v>49</v>
      </c>
      <c r="H8" s="1495"/>
      <c r="I8" s="1495"/>
      <c r="J8" s="1495"/>
      <c r="K8" s="1495"/>
      <c r="L8" s="428">
        <v>0</v>
      </c>
    </row>
    <row r="9" spans="1:16" s="322" customFormat="1" ht="21" customHeight="1" x14ac:dyDescent="0.2">
      <c r="A9" s="1523"/>
      <c r="B9" s="1507"/>
      <c r="C9" s="1522"/>
      <c r="D9" s="1499" t="s">
        <v>388</v>
      </c>
      <c r="E9" s="1501"/>
      <c r="F9" s="427">
        <v>48287100</v>
      </c>
      <c r="G9" s="1502" t="s">
        <v>412</v>
      </c>
      <c r="H9" s="1407"/>
      <c r="I9" s="1499" t="s">
        <v>413</v>
      </c>
      <c r="J9" s="1500"/>
      <c r="K9" s="1501"/>
      <c r="L9" s="428">
        <v>527160203239</v>
      </c>
    </row>
    <row r="10" spans="1:16" s="322" customFormat="1" ht="21" customHeight="1" x14ac:dyDescent="0.2">
      <c r="A10" s="1523"/>
      <c r="B10" s="1507"/>
      <c r="C10" s="1522"/>
      <c r="D10" s="1499" t="s">
        <v>176</v>
      </c>
      <c r="E10" s="1501"/>
      <c r="F10" s="429">
        <v>162507683704</v>
      </c>
      <c r="G10" s="1502"/>
      <c r="H10" s="1407"/>
      <c r="I10" s="1499" t="s">
        <v>414</v>
      </c>
      <c r="J10" s="1500"/>
      <c r="K10" s="1501"/>
      <c r="L10" s="428">
        <v>12228092000</v>
      </c>
    </row>
    <row r="11" spans="1:16" s="322" customFormat="1" ht="21" customHeight="1" x14ac:dyDescent="0.2">
      <c r="A11" s="1523"/>
      <c r="B11" s="1507"/>
      <c r="C11" s="1411" t="s">
        <v>389</v>
      </c>
      <c r="D11" s="1499" t="s">
        <v>387</v>
      </c>
      <c r="E11" s="1501"/>
      <c r="F11" s="427">
        <v>56989698939</v>
      </c>
      <c r="G11" s="1502"/>
      <c r="H11" s="1407"/>
      <c r="I11" s="1499" t="s">
        <v>415</v>
      </c>
      <c r="J11" s="1500"/>
      <c r="K11" s="1501"/>
      <c r="L11" s="428">
        <v>539388295239</v>
      </c>
    </row>
    <row r="12" spans="1:16" s="322" customFormat="1" ht="21" customHeight="1" x14ac:dyDescent="0.2">
      <c r="A12" s="1523"/>
      <c r="B12" s="1507"/>
      <c r="C12" s="1411"/>
      <c r="D12" s="1499" t="s">
        <v>388</v>
      </c>
      <c r="E12" s="1501"/>
      <c r="F12" s="427">
        <v>7777351</v>
      </c>
      <c r="G12" s="1502" t="s">
        <v>416</v>
      </c>
      <c r="H12" s="1407"/>
      <c r="I12" s="1499" t="s">
        <v>417</v>
      </c>
      <c r="J12" s="1500"/>
      <c r="K12" s="1501"/>
      <c r="L12" s="428">
        <v>103357253108</v>
      </c>
    </row>
    <row r="13" spans="1:16" s="322" customFormat="1" ht="21" customHeight="1" x14ac:dyDescent="0.2">
      <c r="A13" s="1523"/>
      <c r="B13" s="1507"/>
      <c r="C13" s="1411"/>
      <c r="D13" s="1499" t="s">
        <v>176</v>
      </c>
      <c r="E13" s="1501"/>
      <c r="F13" s="429">
        <v>56997476290</v>
      </c>
      <c r="G13" s="1502"/>
      <c r="H13" s="1407"/>
      <c r="I13" s="1499" t="s">
        <v>418</v>
      </c>
      <c r="J13" s="1500"/>
      <c r="K13" s="1501"/>
      <c r="L13" s="428">
        <v>7309929</v>
      </c>
    </row>
    <row r="14" spans="1:16" s="322" customFormat="1" ht="21" customHeight="1" x14ac:dyDescent="0.2">
      <c r="A14" s="1523"/>
      <c r="B14" s="1507"/>
      <c r="C14" s="1495" t="s">
        <v>390</v>
      </c>
      <c r="D14" s="1495"/>
      <c r="E14" s="1495"/>
      <c r="F14" s="427">
        <v>21459200983</v>
      </c>
      <c r="G14" s="1502"/>
      <c r="H14" s="1407"/>
      <c r="I14" s="1499" t="s">
        <v>415</v>
      </c>
      <c r="J14" s="1500"/>
      <c r="K14" s="1501"/>
      <c r="L14" s="428">
        <v>103364563037</v>
      </c>
    </row>
    <row r="15" spans="1:16" s="322" customFormat="1" ht="21" customHeight="1" x14ac:dyDescent="0.2">
      <c r="A15" s="1523"/>
      <c r="B15" s="1508"/>
      <c r="C15" s="1496" t="s">
        <v>533</v>
      </c>
      <c r="D15" s="1497"/>
      <c r="E15" s="1498"/>
      <c r="F15" s="427">
        <v>240964360977</v>
      </c>
      <c r="G15" s="1502" t="s">
        <v>419</v>
      </c>
      <c r="H15" s="1407"/>
      <c r="I15" s="1499" t="s">
        <v>420</v>
      </c>
      <c r="J15" s="1500"/>
      <c r="K15" s="1501"/>
      <c r="L15" s="428">
        <v>175398795</v>
      </c>
    </row>
    <row r="16" spans="1:16" s="322" customFormat="1" ht="21" customHeight="1" x14ac:dyDescent="0.2">
      <c r="A16" s="1523"/>
      <c r="B16" s="1499" t="s">
        <v>391</v>
      </c>
      <c r="C16" s="1504"/>
      <c r="D16" s="1504"/>
      <c r="E16" s="1505"/>
      <c r="F16" s="427">
        <v>0</v>
      </c>
      <c r="G16" s="1502"/>
      <c r="H16" s="1407"/>
      <c r="I16" s="1499" t="s">
        <v>418</v>
      </c>
      <c r="J16" s="1500"/>
      <c r="K16" s="1501"/>
      <c r="L16" s="428">
        <v>6560193</v>
      </c>
    </row>
    <row r="17" spans="1:12" s="322" customFormat="1" ht="21" customHeight="1" x14ac:dyDescent="0.2">
      <c r="A17" s="1523"/>
      <c r="B17" s="1499" t="s">
        <v>392</v>
      </c>
      <c r="C17" s="1504"/>
      <c r="D17" s="1504"/>
      <c r="E17" s="1505"/>
      <c r="F17" s="427">
        <v>240964360977</v>
      </c>
      <c r="G17" s="1502"/>
      <c r="H17" s="1407"/>
      <c r="I17" s="1499" t="s">
        <v>415</v>
      </c>
      <c r="J17" s="1500"/>
      <c r="K17" s="1501"/>
      <c r="L17" s="428">
        <v>181958988</v>
      </c>
    </row>
    <row r="18" spans="1:12" s="322" customFormat="1" ht="21" customHeight="1" x14ac:dyDescent="0.2">
      <c r="A18" s="1527" t="s">
        <v>233</v>
      </c>
      <c r="B18" s="1528" t="s">
        <v>393</v>
      </c>
      <c r="C18" s="1499" t="s">
        <v>508</v>
      </c>
      <c r="D18" s="1500"/>
      <c r="E18" s="1501"/>
      <c r="F18" s="430">
        <v>145918520193</v>
      </c>
      <c r="G18" s="1503" t="s">
        <v>421</v>
      </c>
      <c r="H18" s="1500"/>
      <c r="I18" s="1500"/>
      <c r="J18" s="1500"/>
      <c r="K18" s="1501"/>
      <c r="L18" s="428">
        <v>39254308704</v>
      </c>
    </row>
    <row r="19" spans="1:12" s="322" customFormat="1" ht="21" customHeight="1" x14ac:dyDescent="0.2">
      <c r="A19" s="1415"/>
      <c r="B19" s="1529"/>
      <c r="C19" s="1499" t="s">
        <v>394</v>
      </c>
      <c r="D19" s="1500"/>
      <c r="E19" s="1501"/>
      <c r="F19" s="430">
        <v>5905461132</v>
      </c>
      <c r="G19" s="1502" t="s">
        <v>422</v>
      </c>
      <c r="H19" s="1407"/>
      <c r="I19" s="1499" t="s">
        <v>423</v>
      </c>
      <c r="J19" s="1500"/>
      <c r="K19" s="1501"/>
      <c r="L19" s="428">
        <v>0</v>
      </c>
    </row>
    <row r="20" spans="1:12" s="322" customFormat="1" ht="21" customHeight="1" x14ac:dyDescent="0.2">
      <c r="A20" s="1415"/>
      <c r="B20" s="1529"/>
      <c r="C20" s="1524" t="s">
        <v>395</v>
      </c>
      <c r="D20" s="1525"/>
      <c r="E20" s="1526"/>
      <c r="F20" s="430">
        <v>419098000</v>
      </c>
      <c r="G20" s="1502"/>
      <c r="H20" s="1407"/>
      <c r="I20" s="1499" t="s">
        <v>418</v>
      </c>
      <c r="J20" s="1500"/>
      <c r="K20" s="1501"/>
      <c r="L20" s="428">
        <v>618532</v>
      </c>
    </row>
    <row r="21" spans="1:12" s="322" customFormat="1" ht="21" customHeight="1" x14ac:dyDescent="0.2">
      <c r="A21" s="1415"/>
      <c r="B21" s="1529"/>
      <c r="C21" s="1499" t="s">
        <v>269</v>
      </c>
      <c r="D21" s="1500"/>
      <c r="E21" s="1501"/>
      <c r="F21" s="427">
        <v>747027000</v>
      </c>
      <c r="G21" s="1502"/>
      <c r="H21" s="1407"/>
      <c r="I21" s="1499" t="s">
        <v>415</v>
      </c>
      <c r="J21" s="1500"/>
      <c r="K21" s="1501"/>
      <c r="L21" s="428">
        <v>618532</v>
      </c>
    </row>
    <row r="22" spans="1:12" s="322" customFormat="1" ht="21" customHeight="1" x14ac:dyDescent="0.2">
      <c r="A22" s="1415"/>
      <c r="B22" s="1529"/>
      <c r="C22" s="1499" t="s">
        <v>396</v>
      </c>
      <c r="D22" s="1500"/>
      <c r="E22" s="1501"/>
      <c r="F22" s="430">
        <v>0</v>
      </c>
      <c r="G22" s="1502" t="s">
        <v>424</v>
      </c>
      <c r="H22" s="1407"/>
      <c r="I22" s="1499" t="s">
        <v>425</v>
      </c>
      <c r="J22" s="1500"/>
      <c r="K22" s="1501"/>
      <c r="L22" s="428">
        <v>988225056</v>
      </c>
    </row>
    <row r="23" spans="1:12" s="322" customFormat="1" ht="21" customHeight="1" x14ac:dyDescent="0.2">
      <c r="A23" s="1415"/>
      <c r="B23" s="1530"/>
      <c r="C23" s="1495" t="s">
        <v>344</v>
      </c>
      <c r="D23" s="1495"/>
      <c r="E23" s="1495"/>
      <c r="F23" s="427">
        <v>152990106325</v>
      </c>
      <c r="G23" s="1502"/>
      <c r="H23" s="1407"/>
      <c r="I23" s="1499" t="s">
        <v>418</v>
      </c>
      <c r="J23" s="1500"/>
      <c r="K23" s="1501"/>
      <c r="L23" s="428">
        <v>776744</v>
      </c>
    </row>
    <row r="24" spans="1:12" s="322" customFormat="1" ht="21" customHeight="1" x14ac:dyDescent="0.2">
      <c r="A24" s="1415"/>
      <c r="B24" s="1425" t="s">
        <v>397</v>
      </c>
      <c r="C24" s="1495" t="s">
        <v>398</v>
      </c>
      <c r="D24" s="1495"/>
      <c r="E24" s="1495"/>
      <c r="F24" s="427">
        <v>21307541000</v>
      </c>
      <c r="G24" s="1502"/>
      <c r="H24" s="1407"/>
      <c r="I24" s="1499" t="s">
        <v>415</v>
      </c>
      <c r="J24" s="1500"/>
      <c r="K24" s="1501"/>
      <c r="L24" s="428">
        <v>989001800</v>
      </c>
    </row>
    <row r="25" spans="1:12" s="322" customFormat="1" ht="21" customHeight="1" x14ac:dyDescent="0.2">
      <c r="A25" s="1415"/>
      <c r="B25" s="1425"/>
      <c r="C25" s="1495" t="s">
        <v>399</v>
      </c>
      <c r="D25" s="1495"/>
      <c r="E25" s="1495"/>
      <c r="F25" s="427">
        <v>7198947000</v>
      </c>
      <c r="G25" s="1503" t="s">
        <v>426</v>
      </c>
      <c r="H25" s="1500"/>
      <c r="I25" s="1500"/>
      <c r="J25" s="1500"/>
      <c r="K25" s="1501"/>
      <c r="L25" s="431">
        <v>0</v>
      </c>
    </row>
    <row r="26" spans="1:12" s="322" customFormat="1" ht="21" customHeight="1" x14ac:dyDescent="0.2">
      <c r="A26" s="1415"/>
      <c r="B26" s="1425"/>
      <c r="C26" s="1495" t="s">
        <v>400</v>
      </c>
      <c r="D26" s="1495"/>
      <c r="E26" s="1495"/>
      <c r="F26" s="427">
        <v>7279647000</v>
      </c>
      <c r="G26" s="1503" t="s">
        <v>427</v>
      </c>
      <c r="H26" s="1500"/>
      <c r="I26" s="1500"/>
      <c r="J26" s="1500"/>
      <c r="K26" s="1501"/>
      <c r="L26" s="428">
        <v>52231207</v>
      </c>
    </row>
    <row r="27" spans="1:12" s="322" customFormat="1" ht="21" customHeight="1" x14ac:dyDescent="0.2">
      <c r="A27" s="1415"/>
      <c r="B27" s="1425"/>
      <c r="C27" s="1495" t="s">
        <v>401</v>
      </c>
      <c r="D27" s="1495"/>
      <c r="E27" s="1495"/>
      <c r="F27" s="427">
        <v>0</v>
      </c>
      <c r="G27" s="1502" t="s">
        <v>428</v>
      </c>
      <c r="H27" s="1407"/>
      <c r="I27" s="1499" t="s">
        <v>429</v>
      </c>
      <c r="J27" s="1500"/>
      <c r="K27" s="1501"/>
      <c r="L27" s="428">
        <v>5264742007</v>
      </c>
    </row>
    <row r="28" spans="1:12" s="322" customFormat="1" ht="21" customHeight="1" x14ac:dyDescent="0.2">
      <c r="A28" s="1415"/>
      <c r="B28" s="1425"/>
      <c r="C28" s="1495" t="s">
        <v>402</v>
      </c>
      <c r="D28" s="1495"/>
      <c r="E28" s="1495"/>
      <c r="F28" s="427">
        <v>0</v>
      </c>
      <c r="G28" s="1502"/>
      <c r="H28" s="1407"/>
      <c r="I28" s="1499" t="s">
        <v>430</v>
      </c>
      <c r="J28" s="1500"/>
      <c r="K28" s="1501"/>
      <c r="L28" s="428">
        <v>42574141</v>
      </c>
    </row>
    <row r="29" spans="1:12" s="322" customFormat="1" ht="21" customHeight="1" x14ac:dyDescent="0.2">
      <c r="A29" s="1415"/>
      <c r="B29" s="1425"/>
      <c r="C29" s="1524" t="s">
        <v>176</v>
      </c>
      <c r="D29" s="1525"/>
      <c r="E29" s="1526"/>
      <c r="F29" s="427">
        <v>35786135000</v>
      </c>
      <c r="G29" s="1502"/>
      <c r="H29" s="1407"/>
      <c r="I29" s="1499" t="s">
        <v>431</v>
      </c>
      <c r="J29" s="1500"/>
      <c r="K29" s="1501"/>
      <c r="L29" s="428">
        <v>671577000</v>
      </c>
    </row>
    <row r="30" spans="1:12" s="322" customFormat="1" ht="21" customHeight="1" x14ac:dyDescent="0.2">
      <c r="A30" s="1416"/>
      <c r="B30" s="1430" t="s">
        <v>392</v>
      </c>
      <c r="C30" s="1395"/>
      <c r="D30" s="1395"/>
      <c r="E30" s="1431"/>
      <c r="F30" s="427">
        <v>188776241325</v>
      </c>
      <c r="G30" s="1503" t="s">
        <v>432</v>
      </c>
      <c r="H30" s="1500"/>
      <c r="I30" s="1500"/>
      <c r="J30" s="1500"/>
      <c r="K30" s="1501"/>
      <c r="L30" s="428">
        <v>438136634</v>
      </c>
    </row>
    <row r="31" spans="1:12" s="322" customFormat="1" ht="21" customHeight="1" x14ac:dyDescent="0.2">
      <c r="A31" s="1520" t="s">
        <v>509</v>
      </c>
      <c r="B31" s="1495"/>
      <c r="C31" s="1521"/>
      <c r="D31" s="1521"/>
      <c r="E31" s="1521"/>
      <c r="F31" s="430">
        <v>0</v>
      </c>
      <c r="G31" s="1531"/>
      <c r="H31" s="1532"/>
      <c r="I31" s="1532"/>
      <c r="J31" s="1532"/>
      <c r="K31" s="1532"/>
      <c r="L31" s="1533"/>
    </row>
    <row r="32" spans="1:12" s="322" customFormat="1" ht="21" customHeight="1" x14ac:dyDescent="0.2">
      <c r="A32" s="1503" t="s">
        <v>329</v>
      </c>
      <c r="B32" s="1500"/>
      <c r="C32" s="1500"/>
      <c r="D32" s="1500"/>
      <c r="E32" s="1501"/>
      <c r="F32" s="427">
        <v>230878555721</v>
      </c>
      <c r="G32" s="1534"/>
      <c r="H32" s="1535"/>
      <c r="I32" s="1535"/>
      <c r="J32" s="1535"/>
      <c r="K32" s="1535"/>
      <c r="L32" s="1536"/>
    </row>
    <row r="33" spans="1:12" s="322" customFormat="1" ht="21" customHeight="1" x14ac:dyDescent="0.2">
      <c r="A33" s="1503" t="s">
        <v>403</v>
      </c>
      <c r="B33" s="1500"/>
      <c r="C33" s="1500"/>
      <c r="D33" s="1500"/>
      <c r="E33" s="1501"/>
      <c r="F33" s="427">
        <v>963220417</v>
      </c>
      <c r="G33" s="1534"/>
      <c r="H33" s="1535"/>
      <c r="I33" s="1535"/>
      <c r="J33" s="1535"/>
      <c r="K33" s="1535"/>
      <c r="L33" s="1536"/>
    </row>
    <row r="34" spans="1:12" s="322" customFormat="1" ht="21" customHeight="1" x14ac:dyDescent="0.2">
      <c r="A34" s="1473" t="s">
        <v>404</v>
      </c>
      <c r="B34" s="1499" t="s">
        <v>483</v>
      </c>
      <c r="C34" s="1500"/>
      <c r="D34" s="1500"/>
      <c r="E34" s="1501"/>
      <c r="F34" s="430">
        <v>729604000</v>
      </c>
      <c r="G34" s="1534"/>
      <c r="H34" s="1535"/>
      <c r="I34" s="1535"/>
      <c r="J34" s="1535"/>
      <c r="K34" s="1535"/>
      <c r="L34" s="1536"/>
    </row>
    <row r="35" spans="1:12" s="322" customFormat="1" ht="21" customHeight="1" x14ac:dyDescent="0.2">
      <c r="A35" s="1474"/>
      <c r="B35" s="1499" t="s">
        <v>480</v>
      </c>
      <c r="C35" s="1500"/>
      <c r="D35" s="1500"/>
      <c r="E35" s="1501"/>
      <c r="F35" s="427">
        <v>38511815000</v>
      </c>
      <c r="G35" s="1534"/>
      <c r="H35" s="1535"/>
      <c r="I35" s="1535"/>
      <c r="J35" s="1535"/>
      <c r="K35" s="1535"/>
      <c r="L35" s="1536"/>
    </row>
    <row r="36" spans="1:12" s="322" customFormat="1" ht="21" customHeight="1" x14ac:dyDescent="0.2">
      <c r="A36" s="1474"/>
      <c r="B36" s="1499" t="s">
        <v>482</v>
      </c>
      <c r="C36" s="1500"/>
      <c r="D36" s="1500"/>
      <c r="E36" s="1501"/>
      <c r="F36" s="427">
        <v>6269201000</v>
      </c>
      <c r="G36" s="1534"/>
      <c r="H36" s="1535"/>
      <c r="I36" s="1535"/>
      <c r="J36" s="1535"/>
      <c r="K36" s="1535"/>
      <c r="L36" s="1536"/>
    </row>
    <row r="37" spans="1:12" s="322" customFormat="1" ht="21" customHeight="1" x14ac:dyDescent="0.2">
      <c r="A37" s="1474"/>
      <c r="B37" s="1499" t="s">
        <v>481</v>
      </c>
      <c r="C37" s="1500"/>
      <c r="D37" s="1500"/>
      <c r="E37" s="1501"/>
      <c r="F37" s="427">
        <v>0</v>
      </c>
      <c r="G37" s="1534"/>
      <c r="H37" s="1535"/>
      <c r="I37" s="1535"/>
      <c r="J37" s="1535"/>
      <c r="K37" s="1535"/>
      <c r="L37" s="1536"/>
    </row>
    <row r="38" spans="1:12" s="322" customFormat="1" ht="21" customHeight="1" x14ac:dyDescent="0.2">
      <c r="A38" s="1474"/>
      <c r="B38" s="1499" t="s">
        <v>484</v>
      </c>
      <c r="C38" s="1500"/>
      <c r="D38" s="1500"/>
      <c r="E38" s="1501"/>
      <c r="F38" s="427">
        <v>0</v>
      </c>
      <c r="G38" s="1534"/>
      <c r="H38" s="1535"/>
      <c r="I38" s="1535"/>
      <c r="J38" s="1535"/>
      <c r="K38" s="1535"/>
      <c r="L38" s="1536"/>
    </row>
    <row r="39" spans="1:12" s="322" customFormat="1" ht="21" customHeight="1" x14ac:dyDescent="0.2">
      <c r="A39" s="1474"/>
      <c r="B39" s="1499" t="s">
        <v>159</v>
      </c>
      <c r="C39" s="1500"/>
      <c r="D39" s="1500"/>
      <c r="E39" s="1501"/>
      <c r="F39" s="430">
        <v>0</v>
      </c>
      <c r="G39" s="1534"/>
      <c r="H39" s="1535"/>
      <c r="I39" s="1535"/>
      <c r="J39" s="1535"/>
      <c r="K39" s="1535"/>
      <c r="L39" s="1536"/>
    </row>
    <row r="40" spans="1:12" s="322" customFormat="1" ht="21" customHeight="1" x14ac:dyDescent="0.2">
      <c r="A40" s="1475"/>
      <c r="B40" s="1430" t="s">
        <v>392</v>
      </c>
      <c r="C40" s="1395"/>
      <c r="D40" s="1395"/>
      <c r="E40" s="1431"/>
      <c r="F40" s="430">
        <v>45510620000</v>
      </c>
      <c r="G40" s="1534"/>
      <c r="H40" s="1535"/>
      <c r="I40" s="1535"/>
      <c r="J40" s="1535"/>
      <c r="K40" s="1535"/>
      <c r="L40" s="1536"/>
    </row>
    <row r="41" spans="1:12" s="322" customFormat="1" ht="21" customHeight="1" x14ac:dyDescent="0.2">
      <c r="A41" s="1503" t="s">
        <v>405</v>
      </c>
      <c r="B41" s="1500"/>
      <c r="C41" s="1500"/>
      <c r="D41" s="1500"/>
      <c r="E41" s="1501"/>
      <c r="F41" s="430">
        <v>0</v>
      </c>
      <c r="G41" s="1534"/>
      <c r="H41" s="1535"/>
      <c r="I41" s="1535"/>
      <c r="J41" s="1535"/>
      <c r="K41" s="1535"/>
      <c r="L41" s="1536"/>
    </row>
    <row r="42" spans="1:12" s="322" customFormat="1" ht="21" customHeight="1" x14ac:dyDescent="0.2">
      <c r="A42" s="1503" t="s">
        <v>406</v>
      </c>
      <c r="B42" s="1500"/>
      <c r="C42" s="1500"/>
      <c r="D42" s="1500"/>
      <c r="E42" s="1501"/>
      <c r="F42" s="430">
        <v>3068065</v>
      </c>
      <c r="G42" s="1537"/>
      <c r="H42" s="1538"/>
      <c r="I42" s="1538"/>
      <c r="J42" s="1538"/>
      <c r="K42" s="1538"/>
      <c r="L42" s="1539"/>
    </row>
    <row r="43" spans="1:12" s="322" customFormat="1" ht="21" customHeight="1" thickBot="1" x14ac:dyDescent="0.25">
      <c r="A43" s="1544" t="s">
        <v>529</v>
      </c>
      <c r="B43" s="1545"/>
      <c r="C43" s="1545"/>
      <c r="D43" s="1545"/>
      <c r="E43" s="1546"/>
      <c r="F43" s="432">
        <v>707096066505</v>
      </c>
      <c r="G43" s="1540" t="s">
        <v>433</v>
      </c>
      <c r="H43" s="1395"/>
      <c r="I43" s="1395"/>
      <c r="J43" s="1395"/>
      <c r="K43" s="1431"/>
      <c r="L43" s="428">
        <v>689648007289</v>
      </c>
    </row>
    <row r="44" spans="1:12" s="322" customFormat="1" ht="21" customHeight="1" thickBot="1" x14ac:dyDescent="0.2">
      <c r="A44" s="433"/>
      <c r="B44" s="433"/>
      <c r="C44" s="434"/>
      <c r="D44" s="435"/>
      <c r="E44" s="435"/>
      <c r="F44" s="436"/>
      <c r="G44" s="1541" t="s">
        <v>434</v>
      </c>
      <c r="H44" s="1542"/>
      <c r="I44" s="1542"/>
      <c r="J44" s="1542"/>
      <c r="K44" s="1543"/>
      <c r="L44" s="437">
        <v>17448059216</v>
      </c>
    </row>
    <row r="45" spans="1:12" s="322" customFormat="1" ht="10.199999999999999" customHeight="1" thickBot="1" x14ac:dyDescent="0.2">
      <c r="A45" s="433"/>
      <c r="B45" s="433"/>
      <c r="C45" s="434"/>
      <c r="D45" s="435"/>
      <c r="E45" s="435"/>
      <c r="F45" s="436"/>
      <c r="G45" s="373"/>
      <c r="H45" s="438"/>
      <c r="I45" s="438"/>
      <c r="J45" s="438"/>
      <c r="K45" s="438"/>
      <c r="L45" s="438"/>
    </row>
    <row r="46" spans="1:12" s="322" customFormat="1" ht="21" customHeight="1" x14ac:dyDescent="0.2">
      <c r="A46" s="1509" t="s">
        <v>408</v>
      </c>
      <c r="B46" s="1510"/>
      <c r="C46" s="1510"/>
      <c r="D46" s="1510"/>
      <c r="E46" s="1511"/>
      <c r="F46" s="439">
        <v>7239101804</v>
      </c>
      <c r="G46" s="1509" t="s">
        <v>435</v>
      </c>
      <c r="H46" s="1510"/>
      <c r="I46" s="1510"/>
      <c r="J46" s="1510"/>
      <c r="K46" s="1511"/>
      <c r="L46" s="440">
        <v>7350330332</v>
      </c>
    </row>
    <row r="47" spans="1:12" s="322" customFormat="1" ht="21" customHeight="1" x14ac:dyDescent="0.2">
      <c r="A47" s="1503" t="s">
        <v>512</v>
      </c>
      <c r="B47" s="1500"/>
      <c r="C47" s="1500"/>
      <c r="D47" s="1500"/>
      <c r="E47" s="1501"/>
      <c r="F47" s="441">
        <v>7239101804</v>
      </c>
      <c r="G47" s="1503" t="s">
        <v>513</v>
      </c>
      <c r="H47" s="1500"/>
      <c r="I47" s="1500"/>
      <c r="J47" s="1500"/>
      <c r="K47" s="1501"/>
      <c r="L47" s="428">
        <v>7350330332</v>
      </c>
    </row>
    <row r="48" spans="1:12" s="322" customFormat="1" ht="21" customHeight="1" x14ac:dyDescent="0.2">
      <c r="A48" s="1503" t="s">
        <v>409</v>
      </c>
      <c r="B48" s="1500"/>
      <c r="C48" s="1500"/>
      <c r="D48" s="1500"/>
      <c r="E48" s="1501"/>
      <c r="F48" s="441">
        <v>0</v>
      </c>
      <c r="G48" s="1503" t="s">
        <v>436</v>
      </c>
      <c r="H48" s="1500"/>
      <c r="I48" s="1500"/>
      <c r="J48" s="1500"/>
      <c r="K48" s="1501"/>
      <c r="L48" s="428">
        <v>31000000</v>
      </c>
    </row>
    <row r="49" spans="1:12" s="322" customFormat="1" ht="21" customHeight="1" x14ac:dyDescent="0.2">
      <c r="A49" s="1503" t="s">
        <v>410</v>
      </c>
      <c r="B49" s="1500"/>
      <c r="C49" s="1500"/>
      <c r="D49" s="1500"/>
      <c r="E49" s="1501"/>
      <c r="F49" s="441">
        <v>10637197399</v>
      </c>
      <c r="G49" s="1503" t="s">
        <v>437</v>
      </c>
      <c r="H49" s="1500"/>
      <c r="I49" s="1500"/>
      <c r="J49" s="1500"/>
      <c r="K49" s="1501"/>
      <c r="L49" s="428">
        <v>0</v>
      </c>
    </row>
    <row r="50" spans="1:12" s="322" customFormat="1" ht="21" customHeight="1" thickBot="1" x14ac:dyDescent="0.25">
      <c r="A50" s="1541" t="s">
        <v>411</v>
      </c>
      <c r="B50" s="1542"/>
      <c r="C50" s="1542"/>
      <c r="D50" s="1542"/>
      <c r="E50" s="1543"/>
      <c r="F50" s="442">
        <v>724972365708</v>
      </c>
      <c r="G50" s="1503" t="s">
        <v>438</v>
      </c>
      <c r="H50" s="1500"/>
      <c r="I50" s="1500"/>
      <c r="J50" s="1500"/>
      <c r="K50" s="1501"/>
      <c r="L50" s="428">
        <v>697029337621</v>
      </c>
    </row>
    <row r="51" spans="1:12" s="322" customFormat="1" ht="21" customHeight="1" x14ac:dyDescent="0.2">
      <c r="A51" s="373"/>
      <c r="B51" s="373"/>
      <c r="C51" s="373"/>
      <c r="D51" s="373"/>
      <c r="E51" s="373"/>
      <c r="F51" s="443"/>
      <c r="G51" s="1503" t="s">
        <v>439</v>
      </c>
      <c r="H51" s="1500"/>
      <c r="I51" s="1500"/>
      <c r="J51" s="1500"/>
      <c r="K51" s="1501"/>
      <c r="L51" s="428">
        <v>27943028087</v>
      </c>
    </row>
    <row r="52" spans="1:12" s="322" customFormat="1" ht="21" customHeight="1" x14ac:dyDescent="0.2">
      <c r="A52" s="373"/>
      <c r="B52" s="373"/>
      <c r="C52" s="373"/>
      <c r="D52" s="373"/>
      <c r="E52" s="373"/>
      <c r="F52" s="443"/>
      <c r="G52" s="1503" t="s">
        <v>514</v>
      </c>
      <c r="H52" s="1500"/>
      <c r="I52" s="1500"/>
      <c r="J52" s="1500"/>
      <c r="K52" s="1501"/>
      <c r="L52" s="428">
        <v>16317594878</v>
      </c>
    </row>
    <row r="53" spans="1:12" s="322" customFormat="1" ht="21" customHeight="1" thickBot="1" x14ac:dyDescent="0.25">
      <c r="A53" s="373"/>
      <c r="B53" s="373"/>
      <c r="C53" s="373"/>
      <c r="D53" s="373"/>
      <c r="E53" s="373"/>
      <c r="F53" s="443"/>
      <c r="G53" s="1541" t="s">
        <v>515</v>
      </c>
      <c r="H53" s="1542"/>
      <c r="I53" s="1542"/>
      <c r="J53" s="1542"/>
      <c r="K53" s="1543"/>
      <c r="L53" s="437">
        <v>11625433209</v>
      </c>
    </row>
    <row r="54" spans="1:12" s="322" customFormat="1" ht="15" customHeight="1" x14ac:dyDescent="0.15">
      <c r="A54" s="373"/>
      <c r="B54" s="373"/>
      <c r="C54" s="373"/>
      <c r="D54" s="373"/>
      <c r="E54" s="373"/>
      <c r="F54" s="373"/>
      <c r="G54" s="444"/>
      <c r="H54" s="438"/>
      <c r="I54" s="438"/>
      <c r="J54" s="438"/>
      <c r="K54" s="438"/>
      <c r="L54" s="438"/>
    </row>
    <row r="55" spans="1:12" s="322" customFormat="1" ht="15" customHeight="1" x14ac:dyDescent="0.15">
      <c r="A55" s="445" t="s">
        <v>501</v>
      </c>
      <c r="B55" s="446"/>
      <c r="C55" s="408"/>
      <c r="D55" s="408"/>
      <c r="E55" s="408"/>
      <c r="F55" s="408"/>
    </row>
    <row r="56" spans="1:12" s="322" customFormat="1" ht="10.199999999999999" customHeight="1" thickBot="1" x14ac:dyDescent="0.2">
      <c r="A56" s="408"/>
      <c r="B56" s="408"/>
      <c r="C56" s="447"/>
      <c r="D56" s="408"/>
      <c r="E56" s="410"/>
      <c r="F56" s="410"/>
    </row>
    <row r="57" spans="1:12" s="322" customFormat="1" ht="15" customHeight="1" x14ac:dyDescent="0.2">
      <c r="A57" s="1444" t="s">
        <v>48</v>
      </c>
      <c r="B57" s="1459"/>
      <c r="C57" s="1459"/>
      <c r="D57" s="1459"/>
      <c r="E57" s="1460"/>
      <c r="F57" s="448" t="s">
        <v>599</v>
      </c>
    </row>
    <row r="58" spans="1:12" s="322" customFormat="1" ht="10.199999999999999" customHeight="1" thickBot="1" x14ac:dyDescent="0.25">
      <c r="A58" s="1517"/>
      <c r="B58" s="1518"/>
      <c r="C58" s="1518"/>
      <c r="D58" s="1518"/>
      <c r="E58" s="1519"/>
      <c r="F58" s="449" t="s">
        <v>46</v>
      </c>
    </row>
    <row r="59" spans="1:12" s="322" customFormat="1" ht="21" customHeight="1" thickTop="1" x14ac:dyDescent="0.2">
      <c r="A59" s="1509" t="s">
        <v>510</v>
      </c>
      <c r="B59" s="1510"/>
      <c r="C59" s="1510"/>
      <c r="D59" s="1510"/>
      <c r="E59" s="1511"/>
      <c r="F59" s="450">
        <v>17448059216</v>
      </c>
    </row>
    <row r="60" spans="1:12" s="322" customFormat="1" ht="21" customHeight="1" thickBot="1" x14ac:dyDescent="0.25">
      <c r="A60" s="1514" t="s">
        <v>511</v>
      </c>
      <c r="B60" s="1515"/>
      <c r="C60" s="1515"/>
      <c r="D60" s="1515"/>
      <c r="E60" s="1516"/>
      <c r="F60" s="721">
        <v>27943028087</v>
      </c>
    </row>
    <row r="61" spans="1:12" s="322" customFormat="1" ht="21" customHeight="1" x14ac:dyDescent="0.2">
      <c r="F61" s="1215"/>
    </row>
    <row r="62" spans="1:12" s="322" customFormat="1" ht="21" customHeight="1" x14ac:dyDescent="0.2">
      <c r="E62" s="373"/>
      <c r="F62" s="373"/>
      <c r="G62" s="373"/>
      <c r="H62" s="373"/>
      <c r="I62" s="373"/>
      <c r="J62" s="373"/>
      <c r="K62" s="373"/>
      <c r="L62" s="373"/>
    </row>
    <row r="63" spans="1:12" s="322" customFormat="1" ht="21" customHeight="1" x14ac:dyDescent="0.2">
      <c r="E63" s="373"/>
      <c r="F63" s="373"/>
      <c r="G63" s="373"/>
      <c r="H63" s="373"/>
      <c r="I63" s="373"/>
      <c r="J63" s="373"/>
      <c r="K63" s="373"/>
      <c r="L63" s="373"/>
    </row>
    <row r="64" spans="1:12" s="322" customFormat="1" ht="21" customHeight="1" x14ac:dyDescent="0.2">
      <c r="E64" s="373"/>
      <c r="F64" s="373"/>
      <c r="G64" s="373"/>
      <c r="H64" s="373"/>
      <c r="I64" s="373"/>
      <c r="J64" s="373"/>
      <c r="K64" s="373"/>
      <c r="L64" s="373"/>
    </row>
    <row r="65" spans="5:12" s="322" customFormat="1" ht="21" customHeight="1" x14ac:dyDescent="0.2">
      <c r="E65" s="373"/>
      <c r="F65" s="373"/>
      <c r="G65" s="373"/>
      <c r="H65" s="373"/>
      <c r="I65" s="373"/>
      <c r="J65" s="373"/>
      <c r="K65" s="373"/>
      <c r="L65" s="373"/>
    </row>
    <row r="66" spans="5:12" s="322" customFormat="1" ht="21" customHeight="1" x14ac:dyDescent="0.2">
      <c r="E66" s="373"/>
      <c r="F66" s="373"/>
      <c r="G66" s="373"/>
      <c r="H66" s="373"/>
      <c r="I66" s="373"/>
      <c r="J66" s="373"/>
      <c r="K66" s="373"/>
      <c r="L66" s="373"/>
    </row>
    <row r="67" spans="5:12" s="322" customFormat="1" ht="21" customHeight="1" x14ac:dyDescent="0.2">
      <c r="E67" s="373"/>
      <c r="F67" s="373"/>
      <c r="G67" s="373"/>
      <c r="H67" s="373"/>
      <c r="I67" s="373"/>
      <c r="J67" s="373"/>
      <c r="K67" s="373"/>
      <c r="L67" s="373"/>
    </row>
    <row r="68" spans="5:12" s="322" customFormat="1" ht="21" customHeight="1" x14ac:dyDescent="0.2">
      <c r="E68" s="373"/>
      <c r="F68" s="373"/>
      <c r="G68" s="373"/>
      <c r="H68" s="373"/>
      <c r="I68" s="373"/>
      <c r="J68" s="373"/>
      <c r="K68" s="373"/>
      <c r="L68" s="373"/>
    </row>
    <row r="69" spans="5:12" s="322" customFormat="1" ht="21" customHeight="1" x14ac:dyDescent="0.2">
      <c r="E69" s="373"/>
      <c r="F69" s="373"/>
      <c r="G69" s="373"/>
      <c r="H69" s="373"/>
      <c r="I69" s="373"/>
      <c r="J69" s="373"/>
      <c r="K69" s="373"/>
      <c r="L69" s="373"/>
    </row>
    <row r="70" spans="5:12" s="322" customFormat="1" ht="21" customHeight="1" x14ac:dyDescent="0.2">
      <c r="E70" s="373"/>
      <c r="F70" s="373"/>
      <c r="G70" s="373"/>
      <c r="H70" s="373"/>
      <c r="I70" s="373"/>
      <c r="J70" s="373"/>
      <c r="K70" s="373"/>
      <c r="L70" s="373"/>
    </row>
    <row r="71" spans="5:12" s="322" customFormat="1" ht="21" customHeight="1" x14ac:dyDescent="0.2">
      <c r="E71" s="373"/>
      <c r="F71" s="373"/>
      <c r="G71" s="373"/>
      <c r="H71" s="373"/>
      <c r="I71" s="373"/>
      <c r="J71" s="373"/>
      <c r="K71" s="373"/>
      <c r="L71" s="373"/>
    </row>
    <row r="72" spans="5:12" s="322" customFormat="1" ht="21" customHeight="1" x14ac:dyDescent="0.2">
      <c r="E72" s="373"/>
      <c r="F72" s="373"/>
      <c r="G72" s="373"/>
      <c r="H72" s="373"/>
      <c r="I72" s="373"/>
      <c r="J72" s="373"/>
      <c r="K72" s="373"/>
      <c r="L72" s="373"/>
    </row>
    <row r="73" spans="5:12" s="322" customFormat="1" ht="21" customHeight="1" x14ac:dyDescent="0.2">
      <c r="E73" s="373"/>
      <c r="F73" s="373"/>
      <c r="G73" s="373"/>
      <c r="H73" s="373"/>
      <c r="I73" s="373"/>
      <c r="J73" s="373"/>
      <c r="K73" s="373"/>
      <c r="L73" s="373"/>
    </row>
    <row r="74" spans="5:12" s="322" customFormat="1" ht="21" customHeight="1" x14ac:dyDescent="0.2">
      <c r="E74" s="373"/>
      <c r="F74" s="373"/>
      <c r="G74" s="373"/>
      <c r="H74" s="373"/>
      <c r="I74" s="373"/>
      <c r="J74" s="373"/>
      <c r="K74" s="373"/>
      <c r="L74" s="373"/>
    </row>
    <row r="75" spans="5:12" s="322" customFormat="1" ht="21" customHeight="1" x14ac:dyDescent="0.2">
      <c r="E75" s="373"/>
      <c r="F75" s="373"/>
      <c r="G75" s="373"/>
      <c r="H75" s="373"/>
      <c r="I75" s="373"/>
      <c r="J75" s="373"/>
      <c r="K75" s="373"/>
      <c r="L75" s="373"/>
    </row>
    <row r="76" spans="5:12" s="322" customFormat="1" ht="21" customHeight="1" x14ac:dyDescent="0.2">
      <c r="E76" s="373"/>
      <c r="F76" s="373"/>
      <c r="G76" s="373"/>
      <c r="H76" s="373"/>
      <c r="I76" s="373"/>
      <c r="J76" s="373"/>
      <c r="K76" s="373"/>
      <c r="L76" s="373"/>
    </row>
    <row r="77" spans="5:12" s="322" customFormat="1" ht="21" customHeight="1" x14ac:dyDescent="0.2">
      <c r="E77" s="373"/>
      <c r="F77" s="373"/>
      <c r="G77" s="373"/>
      <c r="H77" s="373"/>
      <c r="I77" s="373"/>
      <c r="J77" s="373"/>
      <c r="K77" s="373"/>
      <c r="L77" s="373"/>
    </row>
    <row r="78" spans="5:12" s="322" customFormat="1" ht="21" customHeight="1" x14ac:dyDescent="0.2">
      <c r="E78" s="373"/>
      <c r="F78" s="373"/>
      <c r="G78" s="373"/>
      <c r="H78" s="373"/>
      <c r="I78" s="373"/>
      <c r="J78" s="373"/>
      <c r="K78" s="373"/>
      <c r="L78" s="373"/>
    </row>
    <row r="79" spans="5:12" s="322" customFormat="1" ht="21" customHeight="1" x14ac:dyDescent="0.2">
      <c r="E79" s="373"/>
      <c r="F79" s="373"/>
      <c r="G79" s="373"/>
      <c r="H79" s="373"/>
      <c r="I79" s="373"/>
      <c r="J79" s="373"/>
      <c r="K79" s="373"/>
      <c r="L79" s="373"/>
    </row>
    <row r="80" spans="5:12" s="322" customFormat="1" ht="21" customHeight="1" x14ac:dyDescent="0.2">
      <c r="E80" s="373"/>
      <c r="F80" s="373"/>
      <c r="G80" s="373"/>
      <c r="H80" s="373"/>
      <c r="I80" s="373"/>
      <c r="J80" s="373"/>
      <c r="K80" s="373"/>
      <c r="L80" s="373"/>
    </row>
    <row r="81" spans="5:12" s="322" customFormat="1" ht="21" customHeight="1" x14ac:dyDescent="0.2">
      <c r="E81" s="373"/>
      <c r="F81" s="373"/>
      <c r="G81" s="373"/>
      <c r="H81" s="373"/>
      <c r="I81" s="373"/>
      <c r="J81" s="373"/>
      <c r="K81" s="373"/>
      <c r="L81" s="373"/>
    </row>
    <row r="82" spans="5:12" s="322" customFormat="1" ht="21" customHeight="1" x14ac:dyDescent="0.2">
      <c r="E82" s="373"/>
      <c r="F82" s="373"/>
      <c r="G82" s="373"/>
      <c r="H82" s="373"/>
      <c r="I82" s="373"/>
      <c r="J82" s="373"/>
      <c r="K82" s="373"/>
      <c r="L82" s="373"/>
    </row>
    <row r="83" spans="5:12" s="322" customFormat="1" ht="21" customHeight="1" x14ac:dyDescent="0.2">
      <c r="E83" s="373"/>
      <c r="F83" s="373"/>
      <c r="G83" s="373"/>
      <c r="H83" s="373"/>
      <c r="I83" s="373"/>
      <c r="J83" s="373"/>
      <c r="K83" s="373"/>
      <c r="L83" s="373"/>
    </row>
    <row r="84" spans="5:12" s="322" customFormat="1" ht="21" customHeight="1" x14ac:dyDescent="0.2">
      <c r="E84" s="373"/>
      <c r="F84" s="373"/>
      <c r="G84" s="373"/>
      <c r="H84" s="373"/>
      <c r="I84" s="373"/>
      <c r="J84" s="373"/>
      <c r="K84" s="373"/>
      <c r="L84" s="373"/>
    </row>
    <row r="85" spans="5:12" s="322" customFormat="1" ht="21" customHeight="1" x14ac:dyDescent="0.2">
      <c r="E85" s="373"/>
      <c r="F85" s="373"/>
      <c r="G85" s="373"/>
      <c r="H85" s="373"/>
      <c r="I85" s="373"/>
      <c r="J85" s="373"/>
      <c r="K85" s="373"/>
      <c r="L85" s="373"/>
    </row>
    <row r="86" spans="5:12" s="322" customFormat="1" ht="21" customHeight="1" x14ac:dyDescent="0.2">
      <c r="E86" s="373"/>
      <c r="F86" s="373"/>
      <c r="G86" s="373"/>
      <c r="H86" s="373"/>
      <c r="I86" s="373"/>
      <c r="J86" s="373"/>
      <c r="K86" s="373"/>
      <c r="L86" s="373"/>
    </row>
    <row r="87" spans="5:12" s="322" customFormat="1" ht="21" customHeight="1" x14ac:dyDescent="0.2">
      <c r="E87" s="373"/>
      <c r="F87" s="373"/>
      <c r="G87" s="373"/>
      <c r="H87" s="373"/>
      <c r="I87" s="373"/>
      <c r="J87" s="373"/>
      <c r="K87" s="373"/>
      <c r="L87" s="373"/>
    </row>
    <row r="88" spans="5:12" s="322" customFormat="1" ht="21" customHeight="1" x14ac:dyDescent="0.2">
      <c r="E88" s="373"/>
      <c r="F88" s="373"/>
      <c r="G88" s="373"/>
      <c r="H88" s="373"/>
      <c r="I88" s="373"/>
      <c r="J88" s="373"/>
      <c r="K88" s="373"/>
      <c r="L88" s="373"/>
    </row>
    <row r="89" spans="5:12" s="322" customFormat="1" ht="21" customHeight="1" x14ac:dyDescent="0.2">
      <c r="E89" s="373"/>
      <c r="F89" s="373"/>
      <c r="G89" s="373"/>
      <c r="H89" s="373"/>
      <c r="I89" s="373"/>
      <c r="J89" s="373"/>
      <c r="K89" s="373"/>
      <c r="L89" s="373"/>
    </row>
    <row r="90" spans="5:12" s="322" customFormat="1" ht="21" customHeight="1" x14ac:dyDescent="0.2">
      <c r="E90" s="373"/>
      <c r="F90" s="373"/>
      <c r="G90" s="373"/>
      <c r="H90" s="373"/>
      <c r="I90" s="373"/>
      <c r="J90" s="373"/>
      <c r="K90" s="373"/>
      <c r="L90" s="373"/>
    </row>
    <row r="91" spans="5:12" s="322" customFormat="1" ht="21" customHeight="1" x14ac:dyDescent="0.2">
      <c r="E91" s="373"/>
      <c r="F91" s="373"/>
      <c r="G91" s="373"/>
      <c r="H91" s="373"/>
      <c r="I91" s="373"/>
      <c r="J91" s="373"/>
      <c r="K91" s="373"/>
      <c r="L91" s="373"/>
    </row>
    <row r="92" spans="5:12" s="322" customFormat="1" ht="21" customHeight="1" x14ac:dyDescent="0.2">
      <c r="E92" s="373"/>
      <c r="F92" s="373"/>
      <c r="G92" s="373"/>
      <c r="H92" s="373"/>
      <c r="I92" s="373"/>
      <c r="J92" s="373"/>
      <c r="K92" s="373"/>
      <c r="L92" s="373"/>
    </row>
    <row r="93" spans="5:12" s="322" customFormat="1" ht="21" customHeight="1" x14ac:dyDescent="0.2">
      <c r="E93" s="373"/>
      <c r="F93" s="373"/>
      <c r="G93" s="373"/>
      <c r="H93" s="373"/>
      <c r="I93" s="373"/>
      <c r="J93" s="373"/>
      <c r="K93" s="373"/>
      <c r="L93" s="373"/>
    </row>
    <row r="94" spans="5:12" s="322" customFormat="1" ht="21" customHeight="1" x14ac:dyDescent="0.2">
      <c r="E94" s="373"/>
      <c r="F94" s="373"/>
      <c r="G94" s="373"/>
      <c r="H94" s="373"/>
      <c r="I94" s="373"/>
      <c r="J94" s="373"/>
      <c r="K94" s="373"/>
      <c r="L94" s="373"/>
    </row>
    <row r="95" spans="5:12" s="322" customFormat="1" ht="21" customHeight="1" x14ac:dyDescent="0.2">
      <c r="E95" s="373"/>
      <c r="F95" s="373"/>
      <c r="G95" s="373"/>
      <c r="H95" s="373"/>
      <c r="I95" s="373"/>
      <c r="J95" s="373"/>
      <c r="K95" s="373"/>
      <c r="L95" s="373"/>
    </row>
    <row r="96" spans="5:12" s="322" customFormat="1" ht="21" customHeight="1" x14ac:dyDescent="0.2">
      <c r="E96" s="373"/>
      <c r="F96" s="373"/>
      <c r="G96" s="373"/>
      <c r="H96" s="373"/>
      <c r="I96" s="373"/>
      <c r="J96" s="373"/>
      <c r="K96" s="373"/>
      <c r="L96" s="373"/>
    </row>
    <row r="97" spans="1:13" s="322" customFormat="1" ht="21" customHeight="1" x14ac:dyDescent="0.15">
      <c r="A97" s="408"/>
      <c r="B97" s="408"/>
      <c r="C97" s="408"/>
      <c r="D97" s="408"/>
      <c r="E97" s="1213"/>
      <c r="F97" s="1213"/>
      <c r="G97" s="373"/>
      <c r="H97" s="373"/>
      <c r="I97" s="373"/>
      <c r="J97" s="373"/>
      <c r="K97" s="373"/>
      <c r="L97" s="373"/>
    </row>
    <row r="98" spans="1:13" ht="21" customHeight="1" x14ac:dyDescent="0.15">
      <c r="E98" s="1213"/>
      <c r="F98" s="1213"/>
      <c r="H98" s="373"/>
      <c r="I98" s="373"/>
      <c r="J98" s="373"/>
      <c r="K98" s="373"/>
      <c r="L98" s="373"/>
      <c r="M98" s="322"/>
    </row>
    <row r="99" spans="1:13" ht="21" customHeight="1" x14ac:dyDescent="0.15">
      <c r="E99" s="1213"/>
      <c r="F99" s="1213"/>
      <c r="H99" s="373"/>
      <c r="I99" s="373"/>
      <c r="J99" s="373"/>
      <c r="K99" s="373"/>
      <c r="L99" s="373"/>
      <c r="M99" s="322"/>
    </row>
    <row r="100" spans="1:13" ht="21" customHeight="1" x14ac:dyDescent="0.15">
      <c r="E100" s="1213"/>
      <c r="F100" s="1213"/>
      <c r="H100" s="373"/>
      <c r="I100" s="373"/>
      <c r="J100" s="373"/>
      <c r="K100" s="373"/>
      <c r="L100" s="373"/>
      <c r="M100" s="322"/>
    </row>
    <row r="101" spans="1:13" ht="21" customHeight="1" x14ac:dyDescent="0.15">
      <c r="E101" s="1213"/>
      <c r="F101" s="1213"/>
      <c r="H101" s="373"/>
      <c r="I101" s="373"/>
      <c r="J101" s="373"/>
      <c r="K101" s="373"/>
      <c r="L101" s="373"/>
      <c r="M101" s="322"/>
    </row>
    <row r="102" spans="1:13" ht="25.5" customHeight="1" x14ac:dyDescent="0.15">
      <c r="E102" s="1213"/>
      <c r="F102" s="1213"/>
      <c r="H102" s="373"/>
      <c r="I102" s="373"/>
      <c r="J102" s="373"/>
      <c r="K102" s="373"/>
      <c r="L102" s="373"/>
      <c r="M102" s="322"/>
    </row>
    <row r="103" spans="1:13" ht="15" customHeight="1" x14ac:dyDescent="0.15">
      <c r="E103" s="1213"/>
      <c r="F103" s="1213"/>
      <c r="H103" s="373"/>
      <c r="I103" s="373"/>
      <c r="J103" s="373"/>
      <c r="K103" s="373"/>
      <c r="L103" s="373"/>
      <c r="M103" s="322"/>
    </row>
    <row r="104" spans="1:13" ht="9.75" customHeight="1" x14ac:dyDescent="0.15">
      <c r="E104" s="1213"/>
      <c r="F104" s="1213"/>
      <c r="H104" s="373"/>
      <c r="I104" s="373"/>
      <c r="J104" s="373"/>
      <c r="K104" s="373"/>
      <c r="L104" s="373"/>
      <c r="M104" s="322"/>
    </row>
    <row r="105" spans="1:13" ht="15" customHeight="1" x14ac:dyDescent="0.15">
      <c r="E105" s="1213"/>
      <c r="F105" s="1213"/>
      <c r="H105" s="1213"/>
      <c r="I105" s="1213"/>
      <c r="J105" s="1213"/>
      <c r="K105" s="1213"/>
      <c r="L105" s="1213"/>
    </row>
    <row r="106" spans="1:13" ht="15" customHeight="1" x14ac:dyDescent="0.15">
      <c r="E106" s="1213"/>
      <c r="F106" s="1213"/>
      <c r="H106" s="1213"/>
      <c r="I106" s="1213"/>
      <c r="J106" s="1213"/>
      <c r="K106" s="1213"/>
      <c r="L106" s="1213"/>
    </row>
    <row r="107" spans="1:13" ht="21" customHeight="1" x14ac:dyDescent="0.15">
      <c r="E107" s="1213"/>
      <c r="F107" s="1213"/>
      <c r="H107" s="1213"/>
      <c r="I107" s="1213"/>
      <c r="J107" s="1213"/>
      <c r="K107" s="1213"/>
      <c r="L107" s="1213"/>
    </row>
    <row r="108" spans="1:13" ht="21" customHeight="1" x14ac:dyDescent="0.15">
      <c r="E108" s="1213"/>
      <c r="F108" s="1213"/>
      <c r="H108" s="1213"/>
      <c r="I108" s="1213"/>
      <c r="J108" s="1213"/>
      <c r="K108" s="1213"/>
      <c r="L108" s="1213"/>
    </row>
    <row r="109" spans="1:13" ht="15" customHeight="1" x14ac:dyDescent="0.15">
      <c r="E109" s="61"/>
      <c r="F109" s="61"/>
    </row>
    <row r="110" spans="1:13" ht="15" customHeight="1" x14ac:dyDescent="0.15"/>
    <row r="111" spans="1:13" ht="15" customHeight="1" x14ac:dyDescent="0.15"/>
    <row r="112" spans="1:13" ht="15" customHeight="1" x14ac:dyDescent="0.15"/>
    <row r="113" ht="15" customHeight="1" x14ac:dyDescent="0.15"/>
    <row r="114" ht="15" customHeight="1" x14ac:dyDescent="0.15"/>
  </sheetData>
  <mergeCells count="96">
    <mergeCell ref="G53:K53"/>
    <mergeCell ref="G48:K48"/>
    <mergeCell ref="G49:K49"/>
    <mergeCell ref="G50:K50"/>
    <mergeCell ref="G51:K51"/>
    <mergeCell ref="G52:K52"/>
    <mergeCell ref="A50:E50"/>
    <mergeCell ref="A43:E43"/>
    <mergeCell ref="A46:E46"/>
    <mergeCell ref="A32:E32"/>
    <mergeCell ref="A41:E41"/>
    <mergeCell ref="B39:E39"/>
    <mergeCell ref="A34:A40"/>
    <mergeCell ref="B40:E40"/>
    <mergeCell ref="A33:E33"/>
    <mergeCell ref="A42:E42"/>
    <mergeCell ref="B34:E34"/>
    <mergeCell ref="B35:E35"/>
    <mergeCell ref="B36:E36"/>
    <mergeCell ref="B37:E37"/>
    <mergeCell ref="B38:E38"/>
    <mergeCell ref="G30:K30"/>
    <mergeCell ref="I20:K20"/>
    <mergeCell ref="A47:E47"/>
    <mergeCell ref="A48:E48"/>
    <mergeCell ref="A49:E49"/>
    <mergeCell ref="G31:L42"/>
    <mergeCell ref="G43:K43"/>
    <mergeCell ref="G44:K44"/>
    <mergeCell ref="G46:K46"/>
    <mergeCell ref="G47:K47"/>
    <mergeCell ref="B30:E30"/>
    <mergeCell ref="B24:B29"/>
    <mergeCell ref="C19:E19"/>
    <mergeCell ref="C20:E20"/>
    <mergeCell ref="C21:E21"/>
    <mergeCell ref="C22:E22"/>
    <mergeCell ref="B18:B23"/>
    <mergeCell ref="A59:E59"/>
    <mergeCell ref="G6:K7"/>
    <mergeCell ref="A60:E60"/>
    <mergeCell ref="A57:E58"/>
    <mergeCell ref="A6:E7"/>
    <mergeCell ref="G8:K8"/>
    <mergeCell ref="C23:E23"/>
    <mergeCell ref="A31:E31"/>
    <mergeCell ref="C8:C10"/>
    <mergeCell ref="C11:C13"/>
    <mergeCell ref="A8:A17"/>
    <mergeCell ref="C27:E27"/>
    <mergeCell ref="C29:E29"/>
    <mergeCell ref="A18:A30"/>
    <mergeCell ref="C24:E24"/>
    <mergeCell ref="C18:E18"/>
    <mergeCell ref="D8:E8"/>
    <mergeCell ref="D9:E9"/>
    <mergeCell ref="D10:E10"/>
    <mergeCell ref="D11:E11"/>
    <mergeCell ref="D12:E12"/>
    <mergeCell ref="D13:E13"/>
    <mergeCell ref="B16:E16"/>
    <mergeCell ref="B17:E17"/>
    <mergeCell ref="B8:B15"/>
    <mergeCell ref="G27:H29"/>
    <mergeCell ref="G22:H24"/>
    <mergeCell ref="G19:H21"/>
    <mergeCell ref="G26:K26"/>
    <mergeCell ref="C28:E28"/>
    <mergeCell ref="I27:K27"/>
    <mergeCell ref="I28:K28"/>
    <mergeCell ref="I29:K29"/>
    <mergeCell ref="I24:K24"/>
    <mergeCell ref="G25:K25"/>
    <mergeCell ref="C25:E25"/>
    <mergeCell ref="C26:E26"/>
    <mergeCell ref="I19:K19"/>
    <mergeCell ref="I21:K21"/>
    <mergeCell ref="I22:K22"/>
    <mergeCell ref="I23:K23"/>
    <mergeCell ref="G18:K18"/>
    <mergeCell ref="A5:F5"/>
    <mergeCell ref="G5:L5"/>
    <mergeCell ref="C14:E14"/>
    <mergeCell ref="C15:E15"/>
    <mergeCell ref="I9:K9"/>
    <mergeCell ref="I10:K10"/>
    <mergeCell ref="I11:K11"/>
    <mergeCell ref="G9:H11"/>
    <mergeCell ref="G12:H14"/>
    <mergeCell ref="G15:H17"/>
    <mergeCell ref="I17:K17"/>
    <mergeCell ref="I13:K13"/>
    <mergeCell ref="I12:K12"/>
    <mergeCell ref="I14:K14"/>
    <mergeCell ref="I16:K16"/>
    <mergeCell ref="I15:K15"/>
  </mergeCells>
  <phoneticPr fontId="0"/>
  <pageMargins left="0.98425196850393704" right="0.47244094488188981" top="0.39370078740157483" bottom="0" header="0.23622047244094491" footer="0.35433070866141736"/>
  <pageSetup paperSize="9" scale="70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1"/>
  <dimension ref="A1:AV94"/>
  <sheetViews>
    <sheetView zoomScaleNormal="100" zoomScaleSheetLayoutView="100" workbookViewId="0">
      <pane xSplit="3" ySplit="4" topLeftCell="D5" activePane="bottomRight" state="frozen"/>
      <selection activeCell="D25" sqref="C1:D1048576"/>
      <selection pane="topRight" activeCell="D25" sqref="C1:D1048576"/>
      <selection pane="bottomLeft" activeCell="D25" sqref="C1:D1048576"/>
      <selection pane="bottomRight"/>
    </sheetView>
  </sheetViews>
  <sheetFormatPr defaultColWidth="9" defaultRowHeight="9.6" x14ac:dyDescent="0.15"/>
  <cols>
    <col min="1" max="1" width="3.77734375" style="1228" customWidth="1"/>
    <col min="2" max="2" width="10" style="1228" customWidth="1"/>
    <col min="3" max="3" width="15.77734375" style="1228" customWidth="1"/>
    <col min="4" max="4" width="11.77734375" style="1228" customWidth="1"/>
    <col min="5" max="5" width="15.77734375" style="1228" customWidth="1"/>
    <col min="6" max="6" width="13.77734375" style="1228" customWidth="1"/>
    <col min="7" max="7" width="11.77734375" style="1228" customWidth="1"/>
    <col min="8" max="9" width="13.77734375" style="1228" customWidth="1"/>
    <col min="10" max="10" width="11.77734375" style="1228" customWidth="1"/>
    <col min="11" max="11" width="12.109375" style="1228" bestFit="1" customWidth="1"/>
    <col min="12" max="14" width="15.77734375" style="1228" customWidth="1"/>
    <col min="15" max="15" width="3.77734375" style="1228" customWidth="1"/>
    <col min="16" max="16" width="10" style="1228" customWidth="1"/>
    <col min="17" max="18" width="13.77734375" style="1228" customWidth="1"/>
    <col min="19" max="19" width="15.77734375" style="1228" customWidth="1"/>
    <col min="20" max="23" width="13.77734375" style="1228" customWidth="1"/>
    <col min="24" max="24" width="12.44140625" style="1228" customWidth="1"/>
    <col min="25" max="25" width="11.6640625" style="1228" customWidth="1"/>
    <col min="26" max="26" width="12.77734375" style="1228" customWidth="1"/>
    <col min="27" max="28" width="15.77734375" style="1228" customWidth="1"/>
    <col min="29" max="29" width="3.77734375" style="1228" customWidth="1"/>
    <col min="30" max="30" width="10" style="1228" customWidth="1"/>
    <col min="31" max="32" width="13.77734375" style="1228" customWidth="1"/>
    <col min="33" max="33" width="6.6640625" style="1228" hidden="1" customWidth="1"/>
    <col min="34" max="37" width="13.77734375" style="1228" customWidth="1"/>
    <col min="38" max="38" width="11.6640625" style="1228" customWidth="1"/>
    <col min="39" max="39" width="13.77734375" style="1228" customWidth="1"/>
    <col min="40" max="40" width="15.77734375" style="1228" customWidth="1"/>
    <col min="41" max="42" width="13.77734375" style="1228" customWidth="1"/>
    <col min="43" max="43" width="12.6640625" style="1228" customWidth="1"/>
    <col min="44" max="44" width="15.77734375" style="1228" customWidth="1"/>
    <col min="45" max="46" width="11.33203125" style="308" bestFit="1" customWidth="1"/>
    <col min="47" max="48" width="9" style="1228"/>
    <col min="49" max="49" width="10.6640625" style="1228" customWidth="1"/>
    <col min="50" max="16384" width="9" style="1228"/>
  </cols>
  <sheetData>
    <row r="1" spans="1:47" s="1218" customFormat="1" ht="15.75" customHeight="1" x14ac:dyDescent="0.15">
      <c r="A1" s="1216" t="s">
        <v>534</v>
      </c>
      <c r="B1" s="163"/>
      <c r="C1" s="163"/>
      <c r="D1" s="1217"/>
      <c r="E1" s="1217"/>
      <c r="F1" s="1217"/>
      <c r="G1" s="1217"/>
      <c r="H1" s="1217"/>
      <c r="I1" s="1217"/>
      <c r="J1" s="1217"/>
      <c r="K1" s="1217"/>
      <c r="L1" s="163"/>
      <c r="M1" s="163"/>
      <c r="N1" s="163"/>
      <c r="O1" s="1216" t="s">
        <v>535</v>
      </c>
      <c r="P1" s="163"/>
      <c r="Q1" s="163"/>
      <c r="R1" s="163"/>
      <c r="S1" s="163"/>
      <c r="T1" s="163"/>
      <c r="U1" s="163"/>
      <c r="V1" s="163"/>
      <c r="W1" s="163"/>
      <c r="X1" s="163"/>
      <c r="Y1" s="163"/>
      <c r="Z1" s="163"/>
      <c r="AA1" s="162"/>
      <c r="AB1" s="162"/>
      <c r="AC1" s="1216" t="s">
        <v>536</v>
      </c>
      <c r="AD1" s="163"/>
      <c r="AE1" s="194"/>
      <c r="AF1" s="194"/>
      <c r="AG1" s="163"/>
      <c r="AH1" s="163"/>
      <c r="AI1" s="163"/>
      <c r="AJ1" s="163"/>
      <c r="AK1" s="163"/>
      <c r="AL1" s="1217"/>
      <c r="AM1" s="1217"/>
      <c r="AN1" s="1217"/>
      <c r="AO1" s="1217"/>
      <c r="AP1" s="163"/>
      <c r="AQ1" s="163"/>
      <c r="AR1" s="162"/>
      <c r="AS1" s="283"/>
      <c r="AT1" s="283"/>
    </row>
    <row r="2" spans="1:47" s="1218" customFormat="1" ht="10.5" customHeight="1" thickBot="1" x14ac:dyDescent="0.2">
      <c r="A2" s="1219"/>
      <c r="B2" s="290"/>
      <c r="C2" s="290"/>
      <c r="D2" s="1220"/>
      <c r="E2" s="1220"/>
      <c r="F2" s="1220"/>
      <c r="G2" s="1220"/>
      <c r="H2" s="1220"/>
      <c r="I2" s="1220"/>
      <c r="J2" s="1220"/>
      <c r="K2" s="1220"/>
      <c r="L2" s="290"/>
      <c r="M2" s="290"/>
      <c r="N2" s="291" t="s">
        <v>52</v>
      </c>
      <c r="O2" s="290"/>
      <c r="P2" s="290"/>
      <c r="Q2" s="290"/>
      <c r="R2" s="290"/>
      <c r="S2" s="290"/>
      <c r="T2" s="290"/>
      <c r="U2" s="290"/>
      <c r="V2" s="290"/>
      <c r="W2" s="290"/>
      <c r="X2" s="290"/>
      <c r="Y2" s="291"/>
      <c r="Z2" s="290"/>
      <c r="AA2" s="288"/>
      <c r="AB2" s="288" t="s">
        <v>564</v>
      </c>
      <c r="AC2" s="290"/>
      <c r="AD2" s="290"/>
      <c r="AE2" s="289"/>
      <c r="AF2" s="289"/>
      <c r="AG2" s="290"/>
      <c r="AH2" s="291"/>
      <c r="AI2" s="290"/>
      <c r="AJ2" s="290"/>
      <c r="AK2" s="290"/>
      <c r="AL2" s="1220"/>
      <c r="AM2" s="291"/>
      <c r="AN2" s="291"/>
      <c r="AO2" s="291"/>
      <c r="AP2" s="290"/>
      <c r="AQ2" s="290"/>
      <c r="AR2" s="288" t="s">
        <v>52</v>
      </c>
      <c r="AS2" s="283"/>
      <c r="AT2" s="283"/>
    </row>
    <row r="3" spans="1:47" s="1218" customFormat="1" ht="18" customHeight="1" x14ac:dyDescent="0.2">
      <c r="A3" s="1565" t="s">
        <v>0</v>
      </c>
      <c r="B3" s="1566"/>
      <c r="C3" s="1561" t="s">
        <v>53</v>
      </c>
      <c r="D3" s="235" t="s">
        <v>565</v>
      </c>
      <c r="E3" s="236"/>
      <c r="F3" s="236"/>
      <c r="G3" s="236"/>
      <c r="H3" s="236"/>
      <c r="I3" s="236"/>
      <c r="J3" s="237"/>
      <c r="K3" s="236"/>
      <c r="L3" s="236"/>
      <c r="M3" s="1563" t="s">
        <v>235</v>
      </c>
      <c r="N3" s="1569" t="s">
        <v>329</v>
      </c>
      <c r="O3" s="1565" t="s">
        <v>0</v>
      </c>
      <c r="P3" s="1566"/>
      <c r="Q3" s="1557" t="s">
        <v>566</v>
      </c>
      <c r="R3" s="1558"/>
      <c r="S3" s="1558"/>
      <c r="T3" s="1558"/>
      <c r="U3" s="1558"/>
      <c r="V3" s="1558"/>
      <c r="W3" s="1558"/>
      <c r="X3" s="1558"/>
      <c r="Y3" s="1559"/>
      <c r="Z3" s="1574" t="s">
        <v>266</v>
      </c>
      <c r="AA3" s="1557" t="s">
        <v>567</v>
      </c>
      <c r="AB3" s="1576"/>
      <c r="AC3" s="1581" t="s">
        <v>297</v>
      </c>
      <c r="AD3" s="1582"/>
      <c r="AE3" s="1557" t="s">
        <v>568</v>
      </c>
      <c r="AF3" s="1558"/>
      <c r="AG3" s="1558"/>
      <c r="AH3" s="1558"/>
      <c r="AI3" s="1558"/>
      <c r="AJ3" s="1558"/>
      <c r="AK3" s="1559"/>
      <c r="AL3" s="1563" t="s">
        <v>293</v>
      </c>
      <c r="AM3" s="1577" t="s">
        <v>280</v>
      </c>
      <c r="AN3" s="1579" t="s">
        <v>294</v>
      </c>
      <c r="AO3" s="1577" t="s">
        <v>295</v>
      </c>
      <c r="AP3" s="1561" t="s">
        <v>54</v>
      </c>
      <c r="AQ3" s="1563" t="s">
        <v>521</v>
      </c>
      <c r="AR3" s="1571" t="s">
        <v>296</v>
      </c>
      <c r="AS3" s="283"/>
      <c r="AT3" s="283"/>
    </row>
    <row r="4" spans="1:47" s="1218" customFormat="1" ht="24" customHeight="1" thickBot="1" x14ac:dyDescent="0.25">
      <c r="A4" s="1567"/>
      <c r="B4" s="1568"/>
      <c r="C4" s="1562"/>
      <c r="D4" s="238" t="s">
        <v>47</v>
      </c>
      <c r="E4" s="239" t="s">
        <v>364</v>
      </c>
      <c r="F4" s="164" t="s">
        <v>158</v>
      </c>
      <c r="G4" s="164" t="s">
        <v>269</v>
      </c>
      <c r="H4" s="240" t="s">
        <v>262</v>
      </c>
      <c r="I4" s="240" t="s">
        <v>263</v>
      </c>
      <c r="J4" s="241" t="s">
        <v>540</v>
      </c>
      <c r="K4" s="241" t="s">
        <v>159</v>
      </c>
      <c r="L4" s="242" t="s">
        <v>41</v>
      </c>
      <c r="M4" s="1564"/>
      <c r="N4" s="1570"/>
      <c r="O4" s="1567"/>
      <c r="P4" s="1568"/>
      <c r="Q4" s="240" t="s">
        <v>362</v>
      </c>
      <c r="R4" s="243" t="s">
        <v>264</v>
      </c>
      <c r="S4" s="243" t="s">
        <v>487</v>
      </c>
      <c r="T4" s="243" t="s">
        <v>488</v>
      </c>
      <c r="U4" s="243" t="s">
        <v>490</v>
      </c>
      <c r="V4" s="244" t="s">
        <v>541</v>
      </c>
      <c r="W4" s="240" t="s">
        <v>361</v>
      </c>
      <c r="X4" s="245" t="s">
        <v>363</v>
      </c>
      <c r="Y4" s="242" t="s">
        <v>159</v>
      </c>
      <c r="Z4" s="1575"/>
      <c r="AA4" s="244" t="s">
        <v>317</v>
      </c>
      <c r="AB4" s="246" t="s">
        <v>318</v>
      </c>
      <c r="AC4" s="1583"/>
      <c r="AD4" s="1584"/>
      <c r="AE4" s="245" t="s">
        <v>331</v>
      </c>
      <c r="AF4" s="245" t="s">
        <v>330</v>
      </c>
      <c r="AG4" s="164" t="s">
        <v>316</v>
      </c>
      <c r="AH4" s="247" t="s">
        <v>56</v>
      </c>
      <c r="AI4" s="248" t="s">
        <v>542</v>
      </c>
      <c r="AJ4" s="730" t="s">
        <v>57</v>
      </c>
      <c r="AK4" s="242" t="s">
        <v>40</v>
      </c>
      <c r="AL4" s="1573"/>
      <c r="AM4" s="1578"/>
      <c r="AN4" s="1580"/>
      <c r="AO4" s="1578"/>
      <c r="AP4" s="1562"/>
      <c r="AQ4" s="1573"/>
      <c r="AR4" s="1572"/>
      <c r="AS4" s="43"/>
      <c r="AT4" s="43"/>
    </row>
    <row r="5" spans="1:47" s="1218" customFormat="1" ht="14.1" customHeight="1" thickTop="1" x14ac:dyDescent="0.2">
      <c r="A5" s="1549" t="s">
        <v>376</v>
      </c>
      <c r="B5" s="1560"/>
      <c r="C5" s="451">
        <v>235203191395</v>
      </c>
      <c r="D5" s="451">
        <v>139513067</v>
      </c>
      <c r="E5" s="451">
        <v>171150661045</v>
      </c>
      <c r="F5" s="451">
        <v>6066525787</v>
      </c>
      <c r="G5" s="451">
        <v>978261000</v>
      </c>
      <c r="H5" s="452">
        <v>14391946000</v>
      </c>
      <c r="I5" s="452">
        <v>5982595000</v>
      </c>
      <c r="J5" s="452">
        <v>403450000</v>
      </c>
      <c r="K5" s="452">
        <v>0</v>
      </c>
      <c r="L5" s="451">
        <v>199112951899</v>
      </c>
      <c r="M5" s="452">
        <v>14608182046</v>
      </c>
      <c r="N5" s="453">
        <v>241060098124</v>
      </c>
      <c r="O5" s="1549" t="s">
        <v>376</v>
      </c>
      <c r="P5" s="1560"/>
      <c r="Q5" s="452">
        <v>5931267787</v>
      </c>
      <c r="R5" s="454">
        <v>29625074000</v>
      </c>
      <c r="S5" s="201" t="s">
        <v>504</v>
      </c>
      <c r="T5" s="201" t="s">
        <v>504</v>
      </c>
      <c r="U5" s="201" t="s">
        <v>504</v>
      </c>
      <c r="V5" s="451">
        <v>14823297000</v>
      </c>
      <c r="W5" s="452">
        <v>864235000</v>
      </c>
      <c r="X5" s="452">
        <v>215000000</v>
      </c>
      <c r="Y5" s="451">
        <v>39162883</v>
      </c>
      <c r="Z5" s="452">
        <v>0</v>
      </c>
      <c r="AA5" s="452">
        <v>24736068185</v>
      </c>
      <c r="AB5" s="453">
        <v>198321422392</v>
      </c>
      <c r="AC5" s="1549" t="s">
        <v>376</v>
      </c>
      <c r="AD5" s="1560"/>
      <c r="AE5" s="451">
        <v>22103997042</v>
      </c>
      <c r="AF5" s="452">
        <v>14096612051</v>
      </c>
      <c r="AG5" s="451">
        <v>0</v>
      </c>
      <c r="AH5" s="452">
        <v>12553251482</v>
      </c>
      <c r="AI5" s="454">
        <v>2478175094</v>
      </c>
      <c r="AJ5" s="452">
        <v>1642685169</v>
      </c>
      <c r="AK5" s="451">
        <v>35235997344</v>
      </c>
      <c r="AL5" s="452">
        <v>0</v>
      </c>
      <c r="AM5" s="452">
        <v>3077104685</v>
      </c>
      <c r="AN5" s="455">
        <v>1055727773578</v>
      </c>
      <c r="AO5" s="451">
        <v>2436376433</v>
      </c>
      <c r="AP5" s="451">
        <v>30027933083</v>
      </c>
      <c r="AQ5" s="451">
        <v>0</v>
      </c>
      <c r="AR5" s="453">
        <v>1088192083094</v>
      </c>
      <c r="AS5" s="283"/>
      <c r="AT5" s="283"/>
    </row>
    <row r="6" spans="1:47" s="1218" customFormat="1" ht="14.1" customHeight="1" x14ac:dyDescent="0.2">
      <c r="A6" s="1549" t="s">
        <v>375</v>
      </c>
      <c r="B6" s="1560"/>
      <c r="C6" s="451">
        <v>224147501070</v>
      </c>
      <c r="D6" s="451">
        <v>136050583</v>
      </c>
      <c r="E6" s="451">
        <v>166732050429</v>
      </c>
      <c r="F6" s="451">
        <v>5677415000</v>
      </c>
      <c r="G6" s="451">
        <v>906999000</v>
      </c>
      <c r="H6" s="452">
        <v>16306950000</v>
      </c>
      <c r="I6" s="452">
        <v>6602052000</v>
      </c>
      <c r="J6" s="452">
        <v>845306392</v>
      </c>
      <c r="K6" s="452">
        <v>0</v>
      </c>
      <c r="L6" s="451">
        <v>197206823404</v>
      </c>
      <c r="M6" s="452">
        <v>10342652292</v>
      </c>
      <c r="N6" s="453">
        <v>252950613277</v>
      </c>
      <c r="O6" s="1549" t="s">
        <v>375</v>
      </c>
      <c r="P6" s="1560"/>
      <c r="Q6" s="452">
        <v>5174498040</v>
      </c>
      <c r="R6" s="454">
        <v>27239424924</v>
      </c>
      <c r="S6" s="201" t="s">
        <v>504</v>
      </c>
      <c r="T6" s="201" t="s">
        <v>504</v>
      </c>
      <c r="U6" s="201" t="s">
        <v>504</v>
      </c>
      <c r="V6" s="451">
        <v>13640562062</v>
      </c>
      <c r="W6" s="452">
        <v>757084000</v>
      </c>
      <c r="X6" s="452">
        <v>50000000</v>
      </c>
      <c r="Y6" s="451">
        <v>40642137</v>
      </c>
      <c r="Z6" s="452">
        <v>0</v>
      </c>
      <c r="AA6" s="452">
        <v>21589686163</v>
      </c>
      <c r="AB6" s="453">
        <v>184176365430</v>
      </c>
      <c r="AC6" s="1549" t="s">
        <v>375</v>
      </c>
      <c r="AD6" s="1560"/>
      <c r="AE6" s="451">
        <v>21826025222</v>
      </c>
      <c r="AF6" s="452">
        <v>14100205566</v>
      </c>
      <c r="AG6" s="451">
        <v>0</v>
      </c>
      <c r="AH6" s="452">
        <v>12686270772</v>
      </c>
      <c r="AI6" s="454">
        <v>2097416608</v>
      </c>
      <c r="AJ6" s="452">
        <v>1527702653</v>
      </c>
      <c r="AK6" s="451">
        <v>31718282789</v>
      </c>
      <c r="AL6" s="452">
        <v>0</v>
      </c>
      <c r="AM6" s="452">
        <v>2970198466</v>
      </c>
      <c r="AN6" s="455">
        <v>1024241954875</v>
      </c>
      <c r="AO6" s="451">
        <v>985428879</v>
      </c>
      <c r="AP6" s="451">
        <v>33890933932</v>
      </c>
      <c r="AQ6" s="451">
        <v>0</v>
      </c>
      <c r="AR6" s="453">
        <v>1059118317686</v>
      </c>
      <c r="AS6" s="283"/>
      <c r="AT6" s="283"/>
    </row>
    <row r="7" spans="1:47" s="1218" customFormat="1" ht="15" customHeight="1" x14ac:dyDescent="0.15">
      <c r="A7" s="1549" t="s">
        <v>595</v>
      </c>
      <c r="B7" s="1550"/>
      <c r="C7" s="451">
        <v>220588306900</v>
      </c>
      <c r="D7" s="451">
        <v>132271718</v>
      </c>
      <c r="E7" s="451">
        <v>15418441150</v>
      </c>
      <c r="F7" s="451">
        <v>174112000</v>
      </c>
      <c r="G7" s="451">
        <v>30665000</v>
      </c>
      <c r="H7" s="452">
        <v>0</v>
      </c>
      <c r="I7" s="452">
        <v>0</v>
      </c>
      <c r="J7" s="452">
        <v>137470000</v>
      </c>
      <c r="K7" s="452">
        <v>0</v>
      </c>
      <c r="L7" s="451">
        <v>15908871868</v>
      </c>
      <c r="M7" s="201" t="s">
        <v>377</v>
      </c>
      <c r="N7" s="453">
        <v>135788135</v>
      </c>
      <c r="O7" s="1549" t="s">
        <v>595</v>
      </c>
      <c r="P7" s="1550"/>
      <c r="Q7" s="201" t="s">
        <v>377</v>
      </c>
      <c r="R7" s="456" t="s">
        <v>504</v>
      </c>
      <c r="S7" s="457">
        <v>561726966822</v>
      </c>
      <c r="T7" s="457">
        <v>2278747000</v>
      </c>
      <c r="U7" s="457">
        <v>3007321000</v>
      </c>
      <c r="V7" s="452">
        <v>4542101000</v>
      </c>
      <c r="W7" s="452">
        <v>1683061000</v>
      </c>
      <c r="X7" s="201" t="s">
        <v>504</v>
      </c>
      <c r="Y7" s="451">
        <v>28772000</v>
      </c>
      <c r="Z7" s="452">
        <v>0</v>
      </c>
      <c r="AA7" s="452">
        <v>922821000</v>
      </c>
      <c r="AB7" s="202" t="s">
        <v>504</v>
      </c>
      <c r="AC7" s="1549" t="s">
        <v>595</v>
      </c>
      <c r="AD7" s="1550"/>
      <c r="AE7" s="451">
        <v>21991072232</v>
      </c>
      <c r="AF7" s="452">
        <v>14344026877</v>
      </c>
      <c r="AG7" s="451">
        <v>0</v>
      </c>
      <c r="AH7" s="452">
        <v>12635608702</v>
      </c>
      <c r="AI7" s="454">
        <v>1956372957</v>
      </c>
      <c r="AJ7" s="452">
        <v>1495155951</v>
      </c>
      <c r="AK7" s="451">
        <v>25968043153</v>
      </c>
      <c r="AL7" s="452">
        <v>0</v>
      </c>
      <c r="AM7" s="452">
        <v>2824342807</v>
      </c>
      <c r="AN7" s="458">
        <v>892037379404</v>
      </c>
      <c r="AO7" s="451">
        <v>2644072381</v>
      </c>
      <c r="AP7" s="451">
        <v>42262406418</v>
      </c>
      <c r="AQ7" s="451">
        <v>0</v>
      </c>
      <c r="AR7" s="453">
        <v>936943858203</v>
      </c>
      <c r="AS7" s="283"/>
      <c r="AT7" s="283"/>
      <c r="AU7" s="1221"/>
    </row>
    <row r="8" spans="1:47" s="1218" customFormat="1" ht="15" customHeight="1" x14ac:dyDescent="0.15">
      <c r="A8" s="1547" t="s">
        <v>506</v>
      </c>
      <c r="B8" s="1548"/>
      <c r="C8" s="459">
        <v>214401771172</v>
      </c>
      <c r="D8" s="459">
        <v>128996561</v>
      </c>
      <c r="E8" s="459">
        <v>15770568654</v>
      </c>
      <c r="F8" s="459">
        <v>173750000</v>
      </c>
      <c r="G8" s="459">
        <v>27680000</v>
      </c>
      <c r="H8" s="460">
        <v>0</v>
      </c>
      <c r="I8" s="460">
        <v>0</v>
      </c>
      <c r="J8" s="460">
        <v>127407000</v>
      </c>
      <c r="K8" s="460">
        <v>6439000</v>
      </c>
      <c r="L8" s="459">
        <v>16297259215</v>
      </c>
      <c r="M8" s="461" t="s">
        <v>377</v>
      </c>
      <c r="N8" s="462">
        <v>0</v>
      </c>
      <c r="O8" s="1549" t="s">
        <v>506</v>
      </c>
      <c r="P8" s="1550"/>
      <c r="Q8" s="461" t="s">
        <v>377</v>
      </c>
      <c r="R8" s="463" t="s">
        <v>504</v>
      </c>
      <c r="S8" s="464">
        <v>555356763236</v>
      </c>
      <c r="T8" s="464">
        <v>2665582000</v>
      </c>
      <c r="U8" s="464">
        <v>2500339000</v>
      </c>
      <c r="V8" s="465">
        <v>4535500000</v>
      </c>
      <c r="W8" s="460">
        <v>1556565000</v>
      </c>
      <c r="X8" s="461" t="s">
        <v>504</v>
      </c>
      <c r="Y8" s="459">
        <v>27037000</v>
      </c>
      <c r="Z8" s="460">
        <v>0</v>
      </c>
      <c r="AA8" s="460">
        <v>991704000</v>
      </c>
      <c r="AB8" s="466" t="s">
        <v>504</v>
      </c>
      <c r="AC8" s="1549" t="s">
        <v>506</v>
      </c>
      <c r="AD8" s="1550"/>
      <c r="AE8" s="459">
        <v>21857142973</v>
      </c>
      <c r="AF8" s="460">
        <v>14227800989</v>
      </c>
      <c r="AG8" s="459">
        <v>0</v>
      </c>
      <c r="AH8" s="460">
        <v>13415578624</v>
      </c>
      <c r="AI8" s="467">
        <v>1816691530</v>
      </c>
      <c r="AJ8" s="460">
        <v>1613045784</v>
      </c>
      <c r="AK8" s="459">
        <v>23245841269</v>
      </c>
      <c r="AL8" s="460">
        <v>0</v>
      </c>
      <c r="AM8" s="460">
        <v>2742888576</v>
      </c>
      <c r="AN8" s="468">
        <v>877251510368</v>
      </c>
      <c r="AO8" s="459">
        <v>1868314394</v>
      </c>
      <c r="AP8" s="459">
        <v>22558364871</v>
      </c>
      <c r="AQ8" s="459">
        <v>25000000</v>
      </c>
      <c r="AR8" s="462">
        <v>901703189633</v>
      </c>
      <c r="AS8" s="283"/>
      <c r="AT8" s="283"/>
      <c r="AU8" s="1221"/>
    </row>
    <row r="9" spans="1:47" s="1218" customFormat="1" ht="15" customHeight="1" thickBot="1" x14ac:dyDescent="0.2">
      <c r="A9" s="1551" t="s">
        <v>599</v>
      </c>
      <c r="B9" s="1552"/>
      <c r="C9" s="144">
        <v>207605255622</v>
      </c>
      <c r="D9" s="144">
        <v>125759351</v>
      </c>
      <c r="E9" s="144">
        <v>17123777945</v>
      </c>
      <c r="F9" s="144">
        <v>175120000</v>
      </c>
      <c r="G9" s="144">
        <v>26664000</v>
      </c>
      <c r="H9" s="131">
        <v>0</v>
      </c>
      <c r="I9" s="131">
        <v>0</v>
      </c>
      <c r="J9" s="131">
        <v>111260000</v>
      </c>
      <c r="K9" s="131">
        <v>2166217000</v>
      </c>
      <c r="L9" s="144">
        <v>22320515296</v>
      </c>
      <c r="M9" s="469" t="s">
        <v>485</v>
      </c>
      <c r="N9" s="203">
        <v>496610</v>
      </c>
      <c r="O9" s="1551" t="s">
        <v>599</v>
      </c>
      <c r="P9" s="1552"/>
      <c r="Q9" s="469" t="s">
        <v>485</v>
      </c>
      <c r="R9" s="470" t="s">
        <v>491</v>
      </c>
      <c r="S9" s="144">
        <v>527160203239</v>
      </c>
      <c r="T9" s="144">
        <v>2610606000</v>
      </c>
      <c r="U9" s="144">
        <v>3879194000</v>
      </c>
      <c r="V9" s="144">
        <v>4279091000</v>
      </c>
      <c r="W9" s="144">
        <v>1463496000</v>
      </c>
      <c r="X9" s="156" t="s">
        <v>380</v>
      </c>
      <c r="Y9" s="144">
        <v>85024774</v>
      </c>
      <c r="Z9" s="131">
        <v>0</v>
      </c>
      <c r="AA9" s="144">
        <v>853168000</v>
      </c>
      <c r="AB9" s="198" t="s">
        <v>491</v>
      </c>
      <c r="AC9" s="1551" t="s">
        <v>599</v>
      </c>
      <c r="AD9" s="1552"/>
      <c r="AE9" s="144">
        <v>21716248173</v>
      </c>
      <c r="AF9" s="131">
        <v>14174975084</v>
      </c>
      <c r="AG9" s="144">
        <v>0</v>
      </c>
      <c r="AH9" s="131">
        <v>13074644994</v>
      </c>
      <c r="AI9" s="471">
        <v>1574361336</v>
      </c>
      <c r="AJ9" s="131">
        <v>1662981351</v>
      </c>
      <c r="AK9" s="144">
        <v>17199428666</v>
      </c>
      <c r="AL9" s="131">
        <v>0</v>
      </c>
      <c r="AM9" s="131">
        <v>3549354826</v>
      </c>
      <c r="AN9" s="472">
        <v>843209044971</v>
      </c>
      <c r="AO9" s="144">
        <v>1125138829</v>
      </c>
      <c r="AP9" s="144">
        <v>16333798773</v>
      </c>
      <c r="AQ9" s="144">
        <v>31000000</v>
      </c>
      <c r="AR9" s="203">
        <v>860698982573</v>
      </c>
      <c r="AS9" s="1222"/>
      <c r="AT9" s="283"/>
      <c r="AU9" s="1221"/>
    </row>
    <row r="10" spans="1:47" s="1218" customFormat="1" ht="15" customHeight="1" thickTop="1" x14ac:dyDescent="0.15">
      <c r="A10" s="44">
        <v>1</v>
      </c>
      <c r="B10" s="63" t="s">
        <v>200</v>
      </c>
      <c r="C10" s="130">
        <v>73233036138</v>
      </c>
      <c r="D10" s="473" t="s">
        <v>379</v>
      </c>
      <c r="E10" s="473" t="s">
        <v>379</v>
      </c>
      <c r="F10" s="473" t="s">
        <v>379</v>
      </c>
      <c r="G10" s="473" t="s">
        <v>379</v>
      </c>
      <c r="H10" s="473" t="s">
        <v>379</v>
      </c>
      <c r="I10" s="473" t="s">
        <v>379</v>
      </c>
      <c r="J10" s="474" t="s">
        <v>377</v>
      </c>
      <c r="K10" s="474" t="s">
        <v>377</v>
      </c>
      <c r="L10" s="138">
        <v>1314090000</v>
      </c>
      <c r="M10" s="474" t="s">
        <v>486</v>
      </c>
      <c r="N10" s="475" t="s">
        <v>485</v>
      </c>
      <c r="O10" s="44">
        <v>1</v>
      </c>
      <c r="P10" s="63" t="s">
        <v>200</v>
      </c>
      <c r="Q10" s="476" t="s">
        <v>485</v>
      </c>
      <c r="R10" s="477" t="s">
        <v>378</v>
      </c>
      <c r="S10" s="478">
        <v>204619845856</v>
      </c>
      <c r="T10" s="479">
        <v>1012624000</v>
      </c>
      <c r="U10" s="478">
        <v>1912132000</v>
      </c>
      <c r="V10" s="130">
        <v>1444588000</v>
      </c>
      <c r="W10" s="480">
        <v>497511000</v>
      </c>
      <c r="X10" s="154" t="s">
        <v>491</v>
      </c>
      <c r="Y10" s="130">
        <v>0</v>
      </c>
      <c r="Z10" s="480">
        <v>0</v>
      </c>
      <c r="AA10" s="140" t="s">
        <v>492</v>
      </c>
      <c r="AB10" s="196" t="s">
        <v>492</v>
      </c>
      <c r="AC10" s="44">
        <v>1</v>
      </c>
      <c r="AD10" s="63" t="s">
        <v>200</v>
      </c>
      <c r="AE10" s="130">
        <v>8037927674</v>
      </c>
      <c r="AF10" s="130">
        <v>5928505055</v>
      </c>
      <c r="AG10" s="130">
        <v>0</v>
      </c>
      <c r="AH10" s="480">
        <v>4729102671</v>
      </c>
      <c r="AI10" s="478">
        <v>563819399</v>
      </c>
      <c r="AJ10" s="480">
        <v>627114641</v>
      </c>
      <c r="AK10" s="130">
        <v>8083377560</v>
      </c>
      <c r="AL10" s="480">
        <v>0</v>
      </c>
      <c r="AM10" s="479">
        <v>851175675</v>
      </c>
      <c r="AN10" s="481">
        <v>312854849669</v>
      </c>
      <c r="AO10" s="130">
        <v>0</v>
      </c>
      <c r="AP10" s="130">
        <v>3305445673</v>
      </c>
      <c r="AQ10" s="130">
        <v>0</v>
      </c>
      <c r="AR10" s="482">
        <v>316160295342</v>
      </c>
      <c r="AS10" s="283"/>
      <c r="AT10" s="283"/>
    </row>
    <row r="11" spans="1:47" s="1218" customFormat="1" ht="15" customHeight="1" x14ac:dyDescent="0.15">
      <c r="A11" s="44">
        <v>2</v>
      </c>
      <c r="B11" s="64" t="s">
        <v>2</v>
      </c>
      <c r="C11" s="138">
        <v>30056451519</v>
      </c>
      <c r="D11" s="473" t="s">
        <v>378</v>
      </c>
      <c r="E11" s="473" t="s">
        <v>379</v>
      </c>
      <c r="F11" s="473" t="s">
        <v>379</v>
      </c>
      <c r="G11" s="473" t="s">
        <v>379</v>
      </c>
      <c r="H11" s="473" t="s">
        <v>379</v>
      </c>
      <c r="I11" s="473" t="s">
        <v>379</v>
      </c>
      <c r="J11" s="474" t="s">
        <v>377</v>
      </c>
      <c r="K11" s="474" t="s">
        <v>377</v>
      </c>
      <c r="L11" s="138">
        <v>306430000</v>
      </c>
      <c r="M11" s="474" t="s">
        <v>486</v>
      </c>
      <c r="N11" s="475" t="s">
        <v>377</v>
      </c>
      <c r="O11" s="44">
        <v>2</v>
      </c>
      <c r="P11" s="64" t="s">
        <v>2</v>
      </c>
      <c r="Q11" s="483" t="s">
        <v>485</v>
      </c>
      <c r="R11" s="474" t="s">
        <v>378</v>
      </c>
      <c r="S11" s="478">
        <v>73930485689</v>
      </c>
      <c r="T11" s="480">
        <v>342743000</v>
      </c>
      <c r="U11" s="478">
        <v>440465000</v>
      </c>
      <c r="V11" s="138">
        <v>546650000</v>
      </c>
      <c r="W11" s="480">
        <v>200002000</v>
      </c>
      <c r="X11" s="155" t="s">
        <v>491</v>
      </c>
      <c r="Y11" s="138">
        <v>0</v>
      </c>
      <c r="Z11" s="480">
        <v>0</v>
      </c>
      <c r="AA11" s="158" t="s">
        <v>493</v>
      </c>
      <c r="AB11" s="197" t="s">
        <v>493</v>
      </c>
      <c r="AC11" s="44">
        <v>2</v>
      </c>
      <c r="AD11" s="64" t="s">
        <v>2</v>
      </c>
      <c r="AE11" s="138">
        <v>2859819185</v>
      </c>
      <c r="AF11" s="138">
        <v>1839281711</v>
      </c>
      <c r="AG11" s="138">
        <v>0</v>
      </c>
      <c r="AH11" s="129">
        <v>2809334367</v>
      </c>
      <c r="AI11" s="484">
        <v>252501750</v>
      </c>
      <c r="AJ11" s="129">
        <v>55172239</v>
      </c>
      <c r="AK11" s="138">
        <v>3223514748</v>
      </c>
      <c r="AL11" s="129">
        <v>0</v>
      </c>
      <c r="AM11" s="129">
        <v>659082912</v>
      </c>
      <c r="AN11" s="485">
        <v>117521934120</v>
      </c>
      <c r="AO11" s="138">
        <v>0</v>
      </c>
      <c r="AP11" s="138">
        <v>359971240</v>
      </c>
      <c r="AQ11" s="138">
        <v>0</v>
      </c>
      <c r="AR11" s="453">
        <v>117881905360</v>
      </c>
      <c r="AS11" s="283"/>
      <c r="AT11" s="283"/>
    </row>
    <row r="12" spans="1:47" s="1218" customFormat="1" ht="15" customHeight="1" x14ac:dyDescent="0.15">
      <c r="A12" s="44">
        <v>3</v>
      </c>
      <c r="B12" s="64" t="s">
        <v>3</v>
      </c>
      <c r="C12" s="138">
        <v>8143476585</v>
      </c>
      <c r="D12" s="473" t="s">
        <v>378</v>
      </c>
      <c r="E12" s="473" t="s">
        <v>379</v>
      </c>
      <c r="F12" s="473" t="s">
        <v>379</v>
      </c>
      <c r="G12" s="473" t="s">
        <v>379</v>
      </c>
      <c r="H12" s="473" t="s">
        <v>379</v>
      </c>
      <c r="I12" s="473" t="s">
        <v>379</v>
      </c>
      <c r="J12" s="474" t="s">
        <v>377</v>
      </c>
      <c r="K12" s="474" t="s">
        <v>377</v>
      </c>
      <c r="L12" s="138">
        <v>172638000</v>
      </c>
      <c r="M12" s="474" t="s">
        <v>486</v>
      </c>
      <c r="N12" s="475" t="s">
        <v>377</v>
      </c>
      <c r="O12" s="44">
        <v>3</v>
      </c>
      <c r="P12" s="64" t="s">
        <v>3</v>
      </c>
      <c r="Q12" s="483" t="s">
        <v>485</v>
      </c>
      <c r="R12" s="474" t="s">
        <v>378</v>
      </c>
      <c r="S12" s="478">
        <v>28506642127</v>
      </c>
      <c r="T12" s="480">
        <v>139892000</v>
      </c>
      <c r="U12" s="478">
        <v>183147000</v>
      </c>
      <c r="V12" s="138">
        <v>244719000</v>
      </c>
      <c r="W12" s="480">
        <v>58244000</v>
      </c>
      <c r="X12" s="155" t="s">
        <v>491</v>
      </c>
      <c r="Y12" s="138">
        <v>1526000</v>
      </c>
      <c r="Z12" s="480">
        <v>0</v>
      </c>
      <c r="AA12" s="158" t="s">
        <v>493</v>
      </c>
      <c r="AB12" s="197" t="s">
        <v>493</v>
      </c>
      <c r="AC12" s="44">
        <v>3</v>
      </c>
      <c r="AD12" s="64" t="s">
        <v>3</v>
      </c>
      <c r="AE12" s="138">
        <v>1321843224</v>
      </c>
      <c r="AF12" s="138">
        <v>723498596</v>
      </c>
      <c r="AG12" s="138">
        <v>0</v>
      </c>
      <c r="AH12" s="129">
        <v>671407517</v>
      </c>
      <c r="AI12" s="484">
        <v>67830787</v>
      </c>
      <c r="AJ12" s="129">
        <v>125970349</v>
      </c>
      <c r="AK12" s="138">
        <v>281810754</v>
      </c>
      <c r="AL12" s="129">
        <v>0</v>
      </c>
      <c r="AM12" s="129">
        <v>302016775</v>
      </c>
      <c r="AN12" s="485">
        <v>40944662714</v>
      </c>
      <c r="AO12" s="138">
        <v>0</v>
      </c>
      <c r="AP12" s="138">
        <v>1413721550</v>
      </c>
      <c r="AQ12" s="138">
        <v>0</v>
      </c>
      <c r="AR12" s="453">
        <v>42358384264</v>
      </c>
      <c r="AS12" s="283"/>
      <c r="AT12" s="283"/>
    </row>
    <row r="13" spans="1:47" s="1218" customFormat="1" ht="15" customHeight="1" x14ac:dyDescent="0.15">
      <c r="A13" s="44">
        <v>4</v>
      </c>
      <c r="B13" s="64" t="s">
        <v>4</v>
      </c>
      <c r="C13" s="138">
        <v>5575306803</v>
      </c>
      <c r="D13" s="473" t="s">
        <v>378</v>
      </c>
      <c r="E13" s="473" t="s">
        <v>379</v>
      </c>
      <c r="F13" s="473" t="s">
        <v>379</v>
      </c>
      <c r="G13" s="473" t="s">
        <v>379</v>
      </c>
      <c r="H13" s="473" t="s">
        <v>379</v>
      </c>
      <c r="I13" s="473" t="s">
        <v>379</v>
      </c>
      <c r="J13" s="474" t="s">
        <v>377</v>
      </c>
      <c r="K13" s="474" t="s">
        <v>377</v>
      </c>
      <c r="L13" s="138">
        <v>27009000</v>
      </c>
      <c r="M13" s="474" t="s">
        <v>486</v>
      </c>
      <c r="N13" s="475" t="s">
        <v>377</v>
      </c>
      <c r="O13" s="44">
        <v>4</v>
      </c>
      <c r="P13" s="64" t="s">
        <v>4</v>
      </c>
      <c r="Q13" s="483" t="s">
        <v>485</v>
      </c>
      <c r="R13" s="474" t="s">
        <v>378</v>
      </c>
      <c r="S13" s="478">
        <v>16649558771</v>
      </c>
      <c r="T13" s="480">
        <v>77303000</v>
      </c>
      <c r="U13" s="478">
        <v>84785000</v>
      </c>
      <c r="V13" s="138">
        <v>146518000</v>
      </c>
      <c r="W13" s="480">
        <v>85818000</v>
      </c>
      <c r="X13" s="155" t="s">
        <v>491</v>
      </c>
      <c r="Y13" s="138">
        <v>0</v>
      </c>
      <c r="Z13" s="480">
        <v>0</v>
      </c>
      <c r="AA13" s="158" t="s">
        <v>492</v>
      </c>
      <c r="AB13" s="197" t="s">
        <v>492</v>
      </c>
      <c r="AC13" s="44">
        <v>4</v>
      </c>
      <c r="AD13" s="64" t="s">
        <v>4</v>
      </c>
      <c r="AE13" s="138">
        <v>777128034</v>
      </c>
      <c r="AF13" s="138">
        <v>452634961</v>
      </c>
      <c r="AG13" s="138">
        <v>0</v>
      </c>
      <c r="AH13" s="129">
        <v>425228689</v>
      </c>
      <c r="AI13" s="484">
        <v>46493202</v>
      </c>
      <c r="AJ13" s="129">
        <v>74674781</v>
      </c>
      <c r="AK13" s="138">
        <v>192000000</v>
      </c>
      <c r="AL13" s="129">
        <v>0</v>
      </c>
      <c r="AM13" s="129">
        <v>75740170</v>
      </c>
      <c r="AN13" s="485">
        <v>24690198411</v>
      </c>
      <c r="AO13" s="138">
        <v>0</v>
      </c>
      <c r="AP13" s="138">
        <v>287830714</v>
      </c>
      <c r="AQ13" s="138">
        <v>0</v>
      </c>
      <c r="AR13" s="453">
        <v>24978029125</v>
      </c>
      <c r="AS13" s="283"/>
      <c r="AT13" s="283"/>
    </row>
    <row r="14" spans="1:47" s="1218" customFormat="1" ht="15" customHeight="1" x14ac:dyDescent="0.15">
      <c r="A14" s="44">
        <v>5</v>
      </c>
      <c r="B14" s="64" t="s">
        <v>5</v>
      </c>
      <c r="C14" s="138">
        <v>3914802508</v>
      </c>
      <c r="D14" s="473" t="s">
        <v>378</v>
      </c>
      <c r="E14" s="473" t="s">
        <v>379</v>
      </c>
      <c r="F14" s="473" t="s">
        <v>379</v>
      </c>
      <c r="G14" s="473" t="s">
        <v>379</v>
      </c>
      <c r="H14" s="473" t="s">
        <v>379</v>
      </c>
      <c r="I14" s="473" t="s">
        <v>379</v>
      </c>
      <c r="J14" s="474" t="s">
        <v>377</v>
      </c>
      <c r="K14" s="474" t="s">
        <v>377</v>
      </c>
      <c r="L14" s="138">
        <v>63382000</v>
      </c>
      <c r="M14" s="474" t="s">
        <v>486</v>
      </c>
      <c r="N14" s="475" t="s">
        <v>377</v>
      </c>
      <c r="O14" s="44">
        <v>5</v>
      </c>
      <c r="P14" s="64" t="s">
        <v>5</v>
      </c>
      <c r="Q14" s="483" t="s">
        <v>485</v>
      </c>
      <c r="R14" s="474" t="s">
        <v>378</v>
      </c>
      <c r="S14" s="478">
        <v>10209531613</v>
      </c>
      <c r="T14" s="480">
        <v>51614000</v>
      </c>
      <c r="U14" s="478">
        <v>96938000</v>
      </c>
      <c r="V14" s="138">
        <v>80955000</v>
      </c>
      <c r="W14" s="480">
        <v>35820000</v>
      </c>
      <c r="X14" s="155" t="s">
        <v>491</v>
      </c>
      <c r="Y14" s="138">
        <v>0</v>
      </c>
      <c r="Z14" s="480">
        <v>0</v>
      </c>
      <c r="AA14" s="158" t="s">
        <v>493</v>
      </c>
      <c r="AB14" s="197" t="s">
        <v>493</v>
      </c>
      <c r="AC14" s="44">
        <v>5</v>
      </c>
      <c r="AD14" s="64" t="s">
        <v>5</v>
      </c>
      <c r="AE14" s="138">
        <v>400277000</v>
      </c>
      <c r="AF14" s="138">
        <v>272110000</v>
      </c>
      <c r="AG14" s="138">
        <v>0</v>
      </c>
      <c r="AH14" s="129">
        <v>197868000</v>
      </c>
      <c r="AI14" s="484">
        <v>33600000</v>
      </c>
      <c r="AJ14" s="129">
        <v>45585000</v>
      </c>
      <c r="AK14" s="138">
        <v>548785000</v>
      </c>
      <c r="AL14" s="129">
        <v>0</v>
      </c>
      <c r="AM14" s="129">
        <v>84121109</v>
      </c>
      <c r="AN14" s="485">
        <v>16035389230</v>
      </c>
      <c r="AO14" s="138">
        <v>0</v>
      </c>
      <c r="AP14" s="138">
        <v>88688877</v>
      </c>
      <c r="AQ14" s="138">
        <v>0</v>
      </c>
      <c r="AR14" s="453">
        <v>16124078107</v>
      </c>
      <c r="AS14" s="283"/>
      <c r="AT14" s="283"/>
    </row>
    <row r="15" spans="1:47" s="1218" customFormat="1" ht="15" customHeight="1" x14ac:dyDescent="0.15">
      <c r="A15" s="44">
        <v>6</v>
      </c>
      <c r="B15" s="64" t="s">
        <v>6</v>
      </c>
      <c r="C15" s="138">
        <v>8481592454</v>
      </c>
      <c r="D15" s="473" t="s">
        <v>378</v>
      </c>
      <c r="E15" s="473" t="s">
        <v>379</v>
      </c>
      <c r="F15" s="473" t="s">
        <v>379</v>
      </c>
      <c r="G15" s="473" t="s">
        <v>379</v>
      </c>
      <c r="H15" s="473" t="s">
        <v>379</v>
      </c>
      <c r="I15" s="473" t="s">
        <v>379</v>
      </c>
      <c r="J15" s="474" t="s">
        <v>377</v>
      </c>
      <c r="K15" s="474" t="s">
        <v>377</v>
      </c>
      <c r="L15" s="138">
        <v>119651000</v>
      </c>
      <c r="M15" s="474" t="s">
        <v>486</v>
      </c>
      <c r="N15" s="475" t="s">
        <v>377</v>
      </c>
      <c r="O15" s="44">
        <v>6</v>
      </c>
      <c r="P15" s="64" t="s">
        <v>6</v>
      </c>
      <c r="Q15" s="483" t="s">
        <v>485</v>
      </c>
      <c r="R15" s="474" t="s">
        <v>378</v>
      </c>
      <c r="S15" s="478">
        <v>23689904756</v>
      </c>
      <c r="T15" s="480">
        <v>129870000</v>
      </c>
      <c r="U15" s="478">
        <v>182761000</v>
      </c>
      <c r="V15" s="138">
        <v>231370000</v>
      </c>
      <c r="W15" s="480">
        <v>87295000</v>
      </c>
      <c r="X15" s="155" t="s">
        <v>491</v>
      </c>
      <c r="Y15" s="138">
        <v>0</v>
      </c>
      <c r="Z15" s="480">
        <v>0</v>
      </c>
      <c r="AA15" s="158" t="s">
        <v>492</v>
      </c>
      <c r="AB15" s="197" t="s">
        <v>492</v>
      </c>
      <c r="AC15" s="44">
        <v>6</v>
      </c>
      <c r="AD15" s="64" t="s">
        <v>6</v>
      </c>
      <c r="AE15" s="138">
        <v>1059521304</v>
      </c>
      <c r="AF15" s="138">
        <v>645748131</v>
      </c>
      <c r="AG15" s="138">
        <v>0</v>
      </c>
      <c r="AH15" s="129">
        <v>414805290</v>
      </c>
      <c r="AI15" s="484">
        <v>112000000</v>
      </c>
      <c r="AJ15" s="129">
        <v>74526000</v>
      </c>
      <c r="AK15" s="138">
        <v>810694000</v>
      </c>
      <c r="AL15" s="129">
        <v>0</v>
      </c>
      <c r="AM15" s="129">
        <v>99228423</v>
      </c>
      <c r="AN15" s="485">
        <v>36138967358</v>
      </c>
      <c r="AO15" s="138">
        <v>0</v>
      </c>
      <c r="AP15" s="138">
        <v>779499498</v>
      </c>
      <c r="AQ15" s="138">
        <v>0</v>
      </c>
      <c r="AR15" s="453">
        <v>36918466856</v>
      </c>
      <c r="AS15" s="283"/>
      <c r="AT15" s="283"/>
    </row>
    <row r="16" spans="1:47" s="1218" customFormat="1" ht="15" customHeight="1" x14ac:dyDescent="0.15">
      <c r="A16" s="44">
        <v>7</v>
      </c>
      <c r="B16" s="64" t="s">
        <v>7</v>
      </c>
      <c r="C16" s="138">
        <v>4225540420</v>
      </c>
      <c r="D16" s="473" t="s">
        <v>378</v>
      </c>
      <c r="E16" s="473" t="s">
        <v>379</v>
      </c>
      <c r="F16" s="473" t="s">
        <v>379</v>
      </c>
      <c r="G16" s="473" t="s">
        <v>379</v>
      </c>
      <c r="H16" s="473" t="s">
        <v>379</v>
      </c>
      <c r="I16" s="473" t="s">
        <v>379</v>
      </c>
      <c r="J16" s="474" t="s">
        <v>377</v>
      </c>
      <c r="K16" s="474" t="s">
        <v>377</v>
      </c>
      <c r="L16" s="138">
        <v>44614000</v>
      </c>
      <c r="M16" s="474" t="s">
        <v>486</v>
      </c>
      <c r="N16" s="475" t="s">
        <v>377</v>
      </c>
      <c r="O16" s="44">
        <v>7</v>
      </c>
      <c r="P16" s="64" t="s">
        <v>7</v>
      </c>
      <c r="Q16" s="483" t="s">
        <v>485</v>
      </c>
      <c r="R16" s="474" t="s">
        <v>378</v>
      </c>
      <c r="S16" s="478">
        <v>13217964597</v>
      </c>
      <c r="T16" s="480">
        <v>72673000</v>
      </c>
      <c r="U16" s="478">
        <v>93814000</v>
      </c>
      <c r="V16" s="138">
        <v>105050000</v>
      </c>
      <c r="W16" s="480">
        <v>26203000</v>
      </c>
      <c r="X16" s="155" t="s">
        <v>491</v>
      </c>
      <c r="Y16" s="138">
        <v>0</v>
      </c>
      <c r="Z16" s="480">
        <v>0</v>
      </c>
      <c r="AA16" s="158" t="s">
        <v>493</v>
      </c>
      <c r="AB16" s="197" t="s">
        <v>493</v>
      </c>
      <c r="AC16" s="44">
        <v>7</v>
      </c>
      <c r="AD16" s="64" t="s">
        <v>7</v>
      </c>
      <c r="AE16" s="138">
        <v>553187999</v>
      </c>
      <c r="AF16" s="138">
        <v>337357298</v>
      </c>
      <c r="AG16" s="138">
        <v>0</v>
      </c>
      <c r="AH16" s="129">
        <v>300890099</v>
      </c>
      <c r="AI16" s="484">
        <v>30777486</v>
      </c>
      <c r="AJ16" s="129">
        <v>58495648</v>
      </c>
      <c r="AK16" s="138">
        <v>169291470</v>
      </c>
      <c r="AL16" s="129">
        <v>0</v>
      </c>
      <c r="AM16" s="129">
        <v>87224499</v>
      </c>
      <c r="AN16" s="485">
        <v>19323083516</v>
      </c>
      <c r="AO16" s="138">
        <v>0</v>
      </c>
      <c r="AP16" s="138">
        <v>176111076</v>
      </c>
      <c r="AQ16" s="138">
        <v>0</v>
      </c>
      <c r="AR16" s="453">
        <v>19499194592</v>
      </c>
      <c r="AS16" s="283"/>
      <c r="AT16" s="283"/>
    </row>
    <row r="17" spans="1:46" s="1218" customFormat="1" ht="15" customHeight="1" x14ac:dyDescent="0.15">
      <c r="A17" s="44">
        <v>8</v>
      </c>
      <c r="B17" s="64" t="s">
        <v>8</v>
      </c>
      <c r="C17" s="138">
        <v>5131916183</v>
      </c>
      <c r="D17" s="473" t="s">
        <v>378</v>
      </c>
      <c r="E17" s="473" t="s">
        <v>379</v>
      </c>
      <c r="F17" s="473" t="s">
        <v>379</v>
      </c>
      <c r="G17" s="473" t="s">
        <v>379</v>
      </c>
      <c r="H17" s="473" t="s">
        <v>379</v>
      </c>
      <c r="I17" s="473" t="s">
        <v>379</v>
      </c>
      <c r="J17" s="474" t="s">
        <v>377</v>
      </c>
      <c r="K17" s="474" t="s">
        <v>377</v>
      </c>
      <c r="L17" s="138">
        <v>100177000</v>
      </c>
      <c r="M17" s="474" t="s">
        <v>486</v>
      </c>
      <c r="N17" s="475" t="s">
        <v>377</v>
      </c>
      <c r="O17" s="44">
        <v>8</v>
      </c>
      <c r="P17" s="64" t="s">
        <v>8</v>
      </c>
      <c r="Q17" s="483" t="s">
        <v>485</v>
      </c>
      <c r="R17" s="474" t="s">
        <v>378</v>
      </c>
      <c r="S17" s="478">
        <v>14036049109</v>
      </c>
      <c r="T17" s="480">
        <v>81171000</v>
      </c>
      <c r="U17" s="478">
        <v>134442000</v>
      </c>
      <c r="V17" s="138">
        <v>129097000</v>
      </c>
      <c r="W17" s="480">
        <v>63790000</v>
      </c>
      <c r="X17" s="155" t="s">
        <v>491</v>
      </c>
      <c r="Y17" s="138">
        <v>0</v>
      </c>
      <c r="Z17" s="480">
        <v>0</v>
      </c>
      <c r="AA17" s="158" t="s">
        <v>492</v>
      </c>
      <c r="AB17" s="197" t="s">
        <v>492</v>
      </c>
      <c r="AC17" s="44">
        <v>8</v>
      </c>
      <c r="AD17" s="64" t="s">
        <v>8</v>
      </c>
      <c r="AE17" s="138">
        <v>635680969</v>
      </c>
      <c r="AF17" s="138">
        <v>397932238</v>
      </c>
      <c r="AG17" s="138">
        <v>0</v>
      </c>
      <c r="AH17" s="129">
        <v>292107068</v>
      </c>
      <c r="AI17" s="484">
        <v>40239098</v>
      </c>
      <c r="AJ17" s="129">
        <v>59640133</v>
      </c>
      <c r="AK17" s="138">
        <v>180990998</v>
      </c>
      <c r="AL17" s="129">
        <v>0</v>
      </c>
      <c r="AM17" s="129">
        <v>86889935</v>
      </c>
      <c r="AN17" s="485">
        <v>21370122731</v>
      </c>
      <c r="AO17" s="138">
        <v>0</v>
      </c>
      <c r="AP17" s="138">
        <v>176443175</v>
      </c>
      <c r="AQ17" s="138">
        <v>0</v>
      </c>
      <c r="AR17" s="453">
        <v>21546565906</v>
      </c>
      <c r="AS17" s="283"/>
      <c r="AT17" s="283"/>
    </row>
    <row r="18" spans="1:46" s="1218" customFormat="1" ht="15" customHeight="1" x14ac:dyDescent="0.15">
      <c r="A18" s="44">
        <v>9</v>
      </c>
      <c r="B18" s="64" t="s">
        <v>9</v>
      </c>
      <c r="C18" s="138">
        <v>1272389100</v>
      </c>
      <c r="D18" s="473" t="s">
        <v>378</v>
      </c>
      <c r="E18" s="473" t="s">
        <v>379</v>
      </c>
      <c r="F18" s="473" t="s">
        <v>379</v>
      </c>
      <c r="G18" s="473" t="s">
        <v>379</v>
      </c>
      <c r="H18" s="473" t="s">
        <v>379</v>
      </c>
      <c r="I18" s="473" t="s">
        <v>379</v>
      </c>
      <c r="J18" s="474" t="s">
        <v>377</v>
      </c>
      <c r="K18" s="474" t="s">
        <v>377</v>
      </c>
      <c r="L18" s="138">
        <v>25229000</v>
      </c>
      <c r="M18" s="474" t="s">
        <v>486</v>
      </c>
      <c r="N18" s="475" t="s">
        <v>377</v>
      </c>
      <c r="O18" s="44">
        <v>9</v>
      </c>
      <c r="P18" s="64" t="s">
        <v>9</v>
      </c>
      <c r="Q18" s="483" t="s">
        <v>485</v>
      </c>
      <c r="R18" s="474" t="s">
        <v>378</v>
      </c>
      <c r="S18" s="478">
        <v>3901499336</v>
      </c>
      <c r="T18" s="480">
        <v>18136000</v>
      </c>
      <c r="U18" s="478">
        <v>32739000</v>
      </c>
      <c r="V18" s="138">
        <v>30418000</v>
      </c>
      <c r="W18" s="480">
        <v>10969000</v>
      </c>
      <c r="X18" s="155" t="s">
        <v>491</v>
      </c>
      <c r="Y18" s="138">
        <v>0</v>
      </c>
      <c r="Z18" s="480">
        <v>0</v>
      </c>
      <c r="AA18" s="158" t="s">
        <v>493</v>
      </c>
      <c r="AB18" s="197" t="s">
        <v>493</v>
      </c>
      <c r="AC18" s="44">
        <v>9</v>
      </c>
      <c r="AD18" s="64" t="s">
        <v>9</v>
      </c>
      <c r="AE18" s="138">
        <v>147880970</v>
      </c>
      <c r="AF18" s="138">
        <v>103868882</v>
      </c>
      <c r="AG18" s="138">
        <v>0</v>
      </c>
      <c r="AH18" s="129">
        <v>98287000</v>
      </c>
      <c r="AI18" s="484">
        <v>11402187</v>
      </c>
      <c r="AJ18" s="129">
        <v>16051927</v>
      </c>
      <c r="AK18" s="138">
        <v>164764000</v>
      </c>
      <c r="AL18" s="129">
        <v>0</v>
      </c>
      <c r="AM18" s="129">
        <v>7188038</v>
      </c>
      <c r="AN18" s="485">
        <v>5840822440</v>
      </c>
      <c r="AO18" s="138">
        <v>0</v>
      </c>
      <c r="AP18" s="138">
        <v>19784146</v>
      </c>
      <c r="AQ18" s="138">
        <v>0</v>
      </c>
      <c r="AR18" s="453">
        <v>5860606586</v>
      </c>
      <c r="AS18" s="283"/>
      <c r="AT18" s="283"/>
    </row>
    <row r="19" spans="1:46" s="1218" customFormat="1" ht="15" customHeight="1" x14ac:dyDescent="0.15">
      <c r="A19" s="44">
        <v>10</v>
      </c>
      <c r="B19" s="64" t="s">
        <v>10</v>
      </c>
      <c r="C19" s="138">
        <v>15293476227</v>
      </c>
      <c r="D19" s="473" t="s">
        <v>378</v>
      </c>
      <c r="E19" s="473" t="s">
        <v>379</v>
      </c>
      <c r="F19" s="473" t="s">
        <v>379</v>
      </c>
      <c r="G19" s="473" t="s">
        <v>379</v>
      </c>
      <c r="H19" s="473" t="s">
        <v>379</v>
      </c>
      <c r="I19" s="473" t="s">
        <v>379</v>
      </c>
      <c r="J19" s="474" t="s">
        <v>377</v>
      </c>
      <c r="K19" s="474" t="s">
        <v>377</v>
      </c>
      <c r="L19" s="138">
        <v>88608000</v>
      </c>
      <c r="M19" s="474" t="s">
        <v>486</v>
      </c>
      <c r="N19" s="475" t="s">
        <v>377</v>
      </c>
      <c r="O19" s="44">
        <v>10</v>
      </c>
      <c r="P19" s="64" t="s">
        <v>10</v>
      </c>
      <c r="Q19" s="483" t="s">
        <v>485</v>
      </c>
      <c r="R19" s="474" t="s">
        <v>378</v>
      </c>
      <c r="S19" s="478">
        <v>44144154383</v>
      </c>
      <c r="T19" s="480">
        <v>229430000</v>
      </c>
      <c r="U19" s="478">
        <v>192931000</v>
      </c>
      <c r="V19" s="138">
        <v>379389000</v>
      </c>
      <c r="W19" s="480">
        <v>111611000</v>
      </c>
      <c r="X19" s="155" t="s">
        <v>491</v>
      </c>
      <c r="Y19" s="138">
        <v>52000000</v>
      </c>
      <c r="Z19" s="480">
        <v>0</v>
      </c>
      <c r="AA19" s="158" t="s">
        <v>492</v>
      </c>
      <c r="AB19" s="197" t="s">
        <v>492</v>
      </c>
      <c r="AC19" s="44">
        <v>10</v>
      </c>
      <c r="AD19" s="64" t="s">
        <v>10</v>
      </c>
      <c r="AE19" s="138">
        <v>1942775620</v>
      </c>
      <c r="AF19" s="138">
        <v>1111580743</v>
      </c>
      <c r="AG19" s="138">
        <v>0</v>
      </c>
      <c r="AH19" s="129">
        <v>859460860</v>
      </c>
      <c r="AI19" s="484">
        <v>140423064</v>
      </c>
      <c r="AJ19" s="129">
        <v>145775749</v>
      </c>
      <c r="AK19" s="138">
        <v>708423858</v>
      </c>
      <c r="AL19" s="129">
        <v>0</v>
      </c>
      <c r="AM19" s="129">
        <v>469423137</v>
      </c>
      <c r="AN19" s="485">
        <v>65869462641</v>
      </c>
      <c r="AO19" s="138">
        <v>0</v>
      </c>
      <c r="AP19" s="138">
        <v>2634568524</v>
      </c>
      <c r="AQ19" s="138">
        <v>0</v>
      </c>
      <c r="AR19" s="453">
        <v>68504031165</v>
      </c>
      <c r="AS19" s="283"/>
      <c r="AT19" s="283"/>
    </row>
    <row r="20" spans="1:46" s="1218" customFormat="1" ht="15" customHeight="1" x14ac:dyDescent="0.15">
      <c r="A20" s="44">
        <v>11</v>
      </c>
      <c r="B20" s="64" t="s">
        <v>11</v>
      </c>
      <c r="C20" s="138">
        <v>1226010163</v>
      </c>
      <c r="D20" s="473" t="s">
        <v>378</v>
      </c>
      <c r="E20" s="473" t="s">
        <v>379</v>
      </c>
      <c r="F20" s="473" t="s">
        <v>379</v>
      </c>
      <c r="G20" s="473" t="s">
        <v>379</v>
      </c>
      <c r="H20" s="473" t="s">
        <v>379</v>
      </c>
      <c r="I20" s="473" t="s">
        <v>379</v>
      </c>
      <c r="J20" s="474" t="s">
        <v>377</v>
      </c>
      <c r="K20" s="474" t="s">
        <v>377</v>
      </c>
      <c r="L20" s="138">
        <v>12166000</v>
      </c>
      <c r="M20" s="474" t="s">
        <v>486</v>
      </c>
      <c r="N20" s="475" t="s">
        <v>377</v>
      </c>
      <c r="O20" s="44">
        <v>11</v>
      </c>
      <c r="P20" s="64" t="s">
        <v>11</v>
      </c>
      <c r="Q20" s="483" t="s">
        <v>485</v>
      </c>
      <c r="R20" s="474" t="s">
        <v>378</v>
      </c>
      <c r="S20" s="478">
        <v>3875811869</v>
      </c>
      <c r="T20" s="480">
        <v>18031000</v>
      </c>
      <c r="U20" s="478">
        <v>20693000</v>
      </c>
      <c r="V20" s="138">
        <v>31376000</v>
      </c>
      <c r="W20" s="480">
        <v>10785000</v>
      </c>
      <c r="X20" s="155" t="s">
        <v>491</v>
      </c>
      <c r="Y20" s="138">
        <v>0</v>
      </c>
      <c r="Z20" s="480">
        <v>0</v>
      </c>
      <c r="AA20" s="158" t="s">
        <v>493</v>
      </c>
      <c r="AB20" s="197" t="s">
        <v>493</v>
      </c>
      <c r="AC20" s="44">
        <v>11</v>
      </c>
      <c r="AD20" s="64" t="s">
        <v>11</v>
      </c>
      <c r="AE20" s="138">
        <v>168623125</v>
      </c>
      <c r="AF20" s="138">
        <v>93064631</v>
      </c>
      <c r="AG20" s="138">
        <v>0</v>
      </c>
      <c r="AH20" s="129">
        <v>78368521</v>
      </c>
      <c r="AI20" s="484">
        <v>7548866</v>
      </c>
      <c r="AJ20" s="129">
        <v>16761068</v>
      </c>
      <c r="AK20" s="138">
        <v>95251000</v>
      </c>
      <c r="AL20" s="129">
        <v>0</v>
      </c>
      <c r="AM20" s="129">
        <v>73199243</v>
      </c>
      <c r="AN20" s="485">
        <v>5727689486</v>
      </c>
      <c r="AO20" s="138">
        <v>50000000</v>
      </c>
      <c r="AP20" s="138">
        <v>0</v>
      </c>
      <c r="AQ20" s="138">
        <v>31000000</v>
      </c>
      <c r="AR20" s="453">
        <v>5808689486</v>
      </c>
      <c r="AS20" s="283"/>
      <c r="AT20" s="283"/>
    </row>
    <row r="21" spans="1:46" s="1218" customFormat="1" ht="15" customHeight="1" x14ac:dyDescent="0.15">
      <c r="A21" s="44">
        <v>12</v>
      </c>
      <c r="B21" s="64" t="s">
        <v>12</v>
      </c>
      <c r="C21" s="138">
        <v>3358425984</v>
      </c>
      <c r="D21" s="473" t="s">
        <v>378</v>
      </c>
      <c r="E21" s="473" t="s">
        <v>379</v>
      </c>
      <c r="F21" s="473" t="s">
        <v>379</v>
      </c>
      <c r="G21" s="473" t="s">
        <v>379</v>
      </c>
      <c r="H21" s="473" t="s">
        <v>379</v>
      </c>
      <c r="I21" s="473" t="s">
        <v>379</v>
      </c>
      <c r="J21" s="474" t="s">
        <v>377</v>
      </c>
      <c r="K21" s="474" t="s">
        <v>377</v>
      </c>
      <c r="L21" s="138">
        <v>32348000</v>
      </c>
      <c r="M21" s="474" t="s">
        <v>486</v>
      </c>
      <c r="N21" s="475" t="s">
        <v>377</v>
      </c>
      <c r="O21" s="44">
        <v>12</v>
      </c>
      <c r="P21" s="64" t="s">
        <v>12</v>
      </c>
      <c r="Q21" s="483" t="s">
        <v>485</v>
      </c>
      <c r="R21" s="474" t="s">
        <v>378</v>
      </c>
      <c r="S21" s="478">
        <v>11082818119</v>
      </c>
      <c r="T21" s="480">
        <v>42427000</v>
      </c>
      <c r="U21" s="478">
        <v>42122000</v>
      </c>
      <c r="V21" s="138">
        <v>77283000</v>
      </c>
      <c r="W21" s="480">
        <v>39402000</v>
      </c>
      <c r="X21" s="155" t="s">
        <v>491</v>
      </c>
      <c r="Y21" s="138">
        <v>8062774</v>
      </c>
      <c r="Z21" s="480">
        <v>0</v>
      </c>
      <c r="AA21" s="158" t="s">
        <v>492</v>
      </c>
      <c r="AB21" s="197" t="s">
        <v>492</v>
      </c>
      <c r="AC21" s="44">
        <v>12</v>
      </c>
      <c r="AD21" s="64" t="s">
        <v>12</v>
      </c>
      <c r="AE21" s="138">
        <v>455535412</v>
      </c>
      <c r="AF21" s="138">
        <v>276506204</v>
      </c>
      <c r="AG21" s="138">
        <v>0</v>
      </c>
      <c r="AH21" s="129">
        <v>339143216</v>
      </c>
      <c r="AI21" s="484">
        <v>19600000</v>
      </c>
      <c r="AJ21" s="129">
        <v>58117000</v>
      </c>
      <c r="AK21" s="138">
        <v>386435168</v>
      </c>
      <c r="AL21" s="129">
        <v>0</v>
      </c>
      <c r="AM21" s="129">
        <v>33551116</v>
      </c>
      <c r="AN21" s="485">
        <v>16251776993</v>
      </c>
      <c r="AO21" s="138">
        <v>0</v>
      </c>
      <c r="AP21" s="138">
        <v>14328395</v>
      </c>
      <c r="AQ21" s="138">
        <v>0</v>
      </c>
      <c r="AR21" s="453">
        <v>16266105388</v>
      </c>
      <c r="AS21" s="283"/>
      <c r="AT21" s="283"/>
    </row>
    <row r="22" spans="1:46" s="1218" customFormat="1" ht="15" customHeight="1" x14ac:dyDescent="0.15">
      <c r="A22" s="44">
        <v>13</v>
      </c>
      <c r="B22" s="64" t="s">
        <v>13</v>
      </c>
      <c r="C22" s="138">
        <v>4960347243</v>
      </c>
      <c r="D22" s="473" t="s">
        <v>378</v>
      </c>
      <c r="E22" s="473" t="s">
        <v>379</v>
      </c>
      <c r="F22" s="473" t="s">
        <v>379</v>
      </c>
      <c r="G22" s="473" t="s">
        <v>379</v>
      </c>
      <c r="H22" s="473" t="s">
        <v>379</v>
      </c>
      <c r="I22" s="473" t="s">
        <v>379</v>
      </c>
      <c r="J22" s="474" t="s">
        <v>377</v>
      </c>
      <c r="K22" s="474" t="s">
        <v>377</v>
      </c>
      <c r="L22" s="138">
        <v>66800000</v>
      </c>
      <c r="M22" s="474" t="s">
        <v>486</v>
      </c>
      <c r="N22" s="475" t="s">
        <v>377</v>
      </c>
      <c r="O22" s="44">
        <v>13</v>
      </c>
      <c r="P22" s="64" t="s">
        <v>13</v>
      </c>
      <c r="Q22" s="483" t="s">
        <v>485</v>
      </c>
      <c r="R22" s="474" t="s">
        <v>378</v>
      </c>
      <c r="S22" s="478">
        <v>13879067441</v>
      </c>
      <c r="T22" s="480">
        <v>95395000</v>
      </c>
      <c r="U22" s="478">
        <v>79729000</v>
      </c>
      <c r="V22" s="138">
        <v>130854000</v>
      </c>
      <c r="W22" s="480">
        <v>40964000</v>
      </c>
      <c r="X22" s="155" t="s">
        <v>491</v>
      </c>
      <c r="Y22" s="138">
        <v>0</v>
      </c>
      <c r="Z22" s="480">
        <v>0</v>
      </c>
      <c r="AA22" s="158" t="s">
        <v>493</v>
      </c>
      <c r="AB22" s="197" t="s">
        <v>493</v>
      </c>
      <c r="AC22" s="44">
        <v>13</v>
      </c>
      <c r="AD22" s="64" t="s">
        <v>13</v>
      </c>
      <c r="AE22" s="138">
        <v>632046792</v>
      </c>
      <c r="AF22" s="138">
        <v>378266476</v>
      </c>
      <c r="AG22" s="138">
        <v>0</v>
      </c>
      <c r="AH22" s="129">
        <v>293390910</v>
      </c>
      <c r="AI22" s="484">
        <v>55042666</v>
      </c>
      <c r="AJ22" s="129">
        <v>56106806</v>
      </c>
      <c r="AK22" s="138">
        <v>222017000</v>
      </c>
      <c r="AL22" s="129">
        <v>0</v>
      </c>
      <c r="AM22" s="129">
        <v>97839093</v>
      </c>
      <c r="AN22" s="485">
        <v>20987866427</v>
      </c>
      <c r="AO22" s="138">
        <v>0</v>
      </c>
      <c r="AP22" s="138">
        <v>154874460</v>
      </c>
      <c r="AQ22" s="138">
        <v>0</v>
      </c>
      <c r="AR22" s="453">
        <v>21142740887</v>
      </c>
      <c r="AS22" s="283"/>
      <c r="AT22" s="283"/>
    </row>
    <row r="23" spans="1:46" s="1218" customFormat="1" ht="15" customHeight="1" x14ac:dyDescent="0.15">
      <c r="A23" s="44">
        <v>14</v>
      </c>
      <c r="B23" s="64" t="s">
        <v>14</v>
      </c>
      <c r="C23" s="138">
        <v>4618436371</v>
      </c>
      <c r="D23" s="473" t="s">
        <v>378</v>
      </c>
      <c r="E23" s="473" t="s">
        <v>379</v>
      </c>
      <c r="F23" s="473" t="s">
        <v>379</v>
      </c>
      <c r="G23" s="473" t="s">
        <v>379</v>
      </c>
      <c r="H23" s="473" t="s">
        <v>379</v>
      </c>
      <c r="I23" s="473" t="s">
        <v>379</v>
      </c>
      <c r="J23" s="474" t="s">
        <v>377</v>
      </c>
      <c r="K23" s="474" t="s">
        <v>377</v>
      </c>
      <c r="L23" s="138">
        <v>35878000</v>
      </c>
      <c r="M23" s="474" t="s">
        <v>486</v>
      </c>
      <c r="N23" s="475" t="s">
        <v>377</v>
      </c>
      <c r="O23" s="44">
        <v>14</v>
      </c>
      <c r="P23" s="64" t="s">
        <v>14</v>
      </c>
      <c r="Q23" s="483" t="s">
        <v>485</v>
      </c>
      <c r="R23" s="474" t="s">
        <v>378</v>
      </c>
      <c r="S23" s="478">
        <v>13977365981</v>
      </c>
      <c r="T23" s="480">
        <v>52580000</v>
      </c>
      <c r="U23" s="478">
        <v>98698000</v>
      </c>
      <c r="V23" s="138">
        <v>109777000</v>
      </c>
      <c r="W23" s="480">
        <v>44561000</v>
      </c>
      <c r="X23" s="155" t="s">
        <v>491</v>
      </c>
      <c r="Y23" s="138">
        <v>0</v>
      </c>
      <c r="Z23" s="480">
        <v>0</v>
      </c>
      <c r="AA23" s="158" t="s">
        <v>492</v>
      </c>
      <c r="AB23" s="197" t="s">
        <v>492</v>
      </c>
      <c r="AC23" s="44">
        <v>14</v>
      </c>
      <c r="AD23" s="64" t="s">
        <v>14</v>
      </c>
      <c r="AE23" s="138">
        <v>577034790</v>
      </c>
      <c r="AF23" s="138">
        <v>356506399</v>
      </c>
      <c r="AG23" s="138">
        <v>0</v>
      </c>
      <c r="AH23" s="129">
        <v>217137218</v>
      </c>
      <c r="AI23" s="484">
        <v>48679990</v>
      </c>
      <c r="AJ23" s="129">
        <v>28346741</v>
      </c>
      <c r="AK23" s="138">
        <v>547678000</v>
      </c>
      <c r="AL23" s="129">
        <v>0</v>
      </c>
      <c r="AM23" s="129">
        <v>131606739</v>
      </c>
      <c r="AN23" s="485">
        <v>20844286229</v>
      </c>
      <c r="AO23" s="138">
        <v>404493000</v>
      </c>
      <c r="AP23" s="138">
        <v>44236956</v>
      </c>
      <c r="AQ23" s="138">
        <v>0</v>
      </c>
      <c r="AR23" s="453">
        <v>21293016185</v>
      </c>
      <c r="AS23" s="283"/>
      <c r="AT23" s="283"/>
    </row>
    <row r="24" spans="1:46" s="1218" customFormat="1" ht="15" customHeight="1" x14ac:dyDescent="0.15">
      <c r="A24" s="44">
        <v>15</v>
      </c>
      <c r="B24" s="64" t="s">
        <v>15</v>
      </c>
      <c r="C24" s="138">
        <v>2047525143</v>
      </c>
      <c r="D24" s="473" t="s">
        <v>378</v>
      </c>
      <c r="E24" s="473" t="s">
        <v>379</v>
      </c>
      <c r="F24" s="473" t="s">
        <v>379</v>
      </c>
      <c r="G24" s="473" t="s">
        <v>379</v>
      </c>
      <c r="H24" s="473" t="s">
        <v>379</v>
      </c>
      <c r="I24" s="473" t="s">
        <v>379</v>
      </c>
      <c r="J24" s="474" t="s">
        <v>377</v>
      </c>
      <c r="K24" s="474" t="s">
        <v>377</v>
      </c>
      <c r="L24" s="138">
        <v>19497000</v>
      </c>
      <c r="M24" s="474" t="s">
        <v>486</v>
      </c>
      <c r="N24" s="475" t="s">
        <v>377</v>
      </c>
      <c r="O24" s="44">
        <v>15</v>
      </c>
      <c r="P24" s="64" t="s">
        <v>15</v>
      </c>
      <c r="Q24" s="483" t="s">
        <v>485</v>
      </c>
      <c r="R24" s="474" t="s">
        <v>378</v>
      </c>
      <c r="S24" s="478">
        <v>6373811641</v>
      </c>
      <c r="T24" s="480">
        <v>33129000</v>
      </c>
      <c r="U24" s="478">
        <v>18684000</v>
      </c>
      <c r="V24" s="138">
        <v>59016000</v>
      </c>
      <c r="W24" s="480">
        <v>19866000</v>
      </c>
      <c r="X24" s="155" t="s">
        <v>491</v>
      </c>
      <c r="Y24" s="138">
        <v>0</v>
      </c>
      <c r="Z24" s="480">
        <v>0</v>
      </c>
      <c r="AA24" s="158" t="s">
        <v>493</v>
      </c>
      <c r="AB24" s="197" t="s">
        <v>493</v>
      </c>
      <c r="AC24" s="44">
        <v>15</v>
      </c>
      <c r="AD24" s="64" t="s">
        <v>15</v>
      </c>
      <c r="AE24" s="138">
        <v>244481222</v>
      </c>
      <c r="AF24" s="138">
        <v>145081830</v>
      </c>
      <c r="AG24" s="138">
        <v>0</v>
      </c>
      <c r="AH24" s="129">
        <v>134773151</v>
      </c>
      <c r="AI24" s="484">
        <v>18749333</v>
      </c>
      <c r="AJ24" s="129">
        <v>28206000</v>
      </c>
      <c r="AK24" s="138">
        <v>160463000</v>
      </c>
      <c r="AL24" s="129">
        <v>0</v>
      </c>
      <c r="AM24" s="129">
        <v>49231364</v>
      </c>
      <c r="AN24" s="485">
        <v>9352514684</v>
      </c>
      <c r="AO24" s="138">
        <v>201000000</v>
      </c>
      <c r="AP24" s="138">
        <v>140318243</v>
      </c>
      <c r="AQ24" s="138">
        <v>0</v>
      </c>
      <c r="AR24" s="453">
        <v>9693832927</v>
      </c>
      <c r="AS24" s="283"/>
      <c r="AT24" s="283"/>
    </row>
    <row r="25" spans="1:46" s="1218" customFormat="1" ht="15" customHeight="1" x14ac:dyDescent="0.15">
      <c r="A25" s="44">
        <v>16</v>
      </c>
      <c r="B25" s="64" t="s">
        <v>16</v>
      </c>
      <c r="C25" s="138">
        <v>2526828777</v>
      </c>
      <c r="D25" s="473" t="s">
        <v>378</v>
      </c>
      <c r="E25" s="473" t="s">
        <v>379</v>
      </c>
      <c r="F25" s="473" t="s">
        <v>379</v>
      </c>
      <c r="G25" s="473" t="s">
        <v>379</v>
      </c>
      <c r="H25" s="473" t="s">
        <v>379</v>
      </c>
      <c r="I25" s="473" t="s">
        <v>379</v>
      </c>
      <c r="J25" s="474" t="s">
        <v>377</v>
      </c>
      <c r="K25" s="474" t="s">
        <v>377</v>
      </c>
      <c r="L25" s="138">
        <v>23036000</v>
      </c>
      <c r="M25" s="474" t="s">
        <v>486</v>
      </c>
      <c r="N25" s="475" t="s">
        <v>377</v>
      </c>
      <c r="O25" s="44">
        <v>16</v>
      </c>
      <c r="P25" s="64" t="s">
        <v>16</v>
      </c>
      <c r="Q25" s="483" t="s">
        <v>485</v>
      </c>
      <c r="R25" s="474" t="s">
        <v>378</v>
      </c>
      <c r="S25" s="478">
        <v>7767506692</v>
      </c>
      <c r="T25" s="480">
        <v>32144000</v>
      </c>
      <c r="U25" s="478">
        <v>26159000</v>
      </c>
      <c r="V25" s="138">
        <v>59271000</v>
      </c>
      <c r="W25" s="480">
        <v>10994000</v>
      </c>
      <c r="X25" s="155" t="s">
        <v>491</v>
      </c>
      <c r="Y25" s="138">
        <v>0</v>
      </c>
      <c r="Z25" s="480">
        <v>0</v>
      </c>
      <c r="AA25" s="158" t="s">
        <v>492</v>
      </c>
      <c r="AB25" s="197" t="s">
        <v>492</v>
      </c>
      <c r="AC25" s="44">
        <v>16</v>
      </c>
      <c r="AD25" s="64" t="s">
        <v>16</v>
      </c>
      <c r="AE25" s="138">
        <v>328663140</v>
      </c>
      <c r="AF25" s="138">
        <v>192581262</v>
      </c>
      <c r="AG25" s="138">
        <v>0</v>
      </c>
      <c r="AH25" s="129">
        <v>204040240</v>
      </c>
      <c r="AI25" s="484">
        <v>24539010</v>
      </c>
      <c r="AJ25" s="129">
        <v>35138572</v>
      </c>
      <c r="AK25" s="138">
        <v>500000000</v>
      </c>
      <c r="AL25" s="129">
        <v>0</v>
      </c>
      <c r="AM25" s="129">
        <v>25336571</v>
      </c>
      <c r="AN25" s="485">
        <v>11756238264</v>
      </c>
      <c r="AO25" s="138">
        <v>5997000</v>
      </c>
      <c r="AP25" s="138">
        <v>49714665</v>
      </c>
      <c r="AQ25" s="138">
        <v>0</v>
      </c>
      <c r="AR25" s="453">
        <v>11811949929</v>
      </c>
      <c r="AS25" s="283"/>
      <c r="AT25" s="283"/>
    </row>
    <row r="26" spans="1:46" s="1218" customFormat="1" ht="15" customHeight="1" x14ac:dyDescent="0.15">
      <c r="A26" s="44">
        <v>17</v>
      </c>
      <c r="B26" s="64" t="s">
        <v>17</v>
      </c>
      <c r="C26" s="138">
        <v>2624458699</v>
      </c>
      <c r="D26" s="473" t="s">
        <v>378</v>
      </c>
      <c r="E26" s="473" t="s">
        <v>379</v>
      </c>
      <c r="F26" s="473" t="s">
        <v>379</v>
      </c>
      <c r="G26" s="473" t="s">
        <v>379</v>
      </c>
      <c r="H26" s="473" t="s">
        <v>379</v>
      </c>
      <c r="I26" s="473" t="s">
        <v>379</v>
      </c>
      <c r="J26" s="474" t="s">
        <v>377</v>
      </c>
      <c r="K26" s="474" t="s">
        <v>377</v>
      </c>
      <c r="L26" s="138">
        <v>31427000</v>
      </c>
      <c r="M26" s="474" t="s">
        <v>486</v>
      </c>
      <c r="N26" s="475" t="s">
        <v>377</v>
      </c>
      <c r="O26" s="44">
        <v>17</v>
      </c>
      <c r="P26" s="64" t="s">
        <v>17</v>
      </c>
      <c r="Q26" s="483" t="s">
        <v>485</v>
      </c>
      <c r="R26" s="474" t="s">
        <v>378</v>
      </c>
      <c r="S26" s="478">
        <v>7887832307</v>
      </c>
      <c r="T26" s="480">
        <v>33833000</v>
      </c>
      <c r="U26" s="478">
        <v>43943000</v>
      </c>
      <c r="V26" s="138">
        <v>60357000</v>
      </c>
      <c r="W26" s="480">
        <v>21905000</v>
      </c>
      <c r="X26" s="155" t="s">
        <v>491</v>
      </c>
      <c r="Y26" s="138">
        <v>0</v>
      </c>
      <c r="Z26" s="480">
        <v>0</v>
      </c>
      <c r="AA26" s="158" t="s">
        <v>493</v>
      </c>
      <c r="AB26" s="197" t="s">
        <v>493</v>
      </c>
      <c r="AC26" s="44">
        <v>17</v>
      </c>
      <c r="AD26" s="64" t="s">
        <v>17</v>
      </c>
      <c r="AE26" s="138">
        <v>331651390</v>
      </c>
      <c r="AF26" s="138">
        <v>197626161</v>
      </c>
      <c r="AG26" s="138">
        <v>0</v>
      </c>
      <c r="AH26" s="129">
        <v>265186284</v>
      </c>
      <c r="AI26" s="484">
        <v>25200000</v>
      </c>
      <c r="AJ26" s="129">
        <v>24947000</v>
      </c>
      <c r="AK26" s="138">
        <v>408568716</v>
      </c>
      <c r="AL26" s="129">
        <v>0</v>
      </c>
      <c r="AM26" s="129">
        <v>61469859</v>
      </c>
      <c r="AN26" s="485">
        <v>12018405416</v>
      </c>
      <c r="AO26" s="138">
        <v>0</v>
      </c>
      <c r="AP26" s="138">
        <v>47985401</v>
      </c>
      <c r="AQ26" s="138">
        <v>0</v>
      </c>
      <c r="AR26" s="453">
        <v>12066390817</v>
      </c>
      <c r="AS26" s="283"/>
      <c r="AT26" s="283"/>
    </row>
    <row r="27" spans="1:46" s="1218" customFormat="1" ht="15" customHeight="1" x14ac:dyDescent="0.15">
      <c r="A27" s="44">
        <v>18</v>
      </c>
      <c r="B27" s="64" t="s">
        <v>18</v>
      </c>
      <c r="C27" s="138">
        <v>917934101</v>
      </c>
      <c r="D27" s="473" t="s">
        <v>378</v>
      </c>
      <c r="E27" s="473" t="s">
        <v>379</v>
      </c>
      <c r="F27" s="473" t="s">
        <v>379</v>
      </c>
      <c r="G27" s="473" t="s">
        <v>379</v>
      </c>
      <c r="H27" s="473" t="s">
        <v>379</v>
      </c>
      <c r="I27" s="473" t="s">
        <v>379</v>
      </c>
      <c r="J27" s="474" t="s">
        <v>377</v>
      </c>
      <c r="K27" s="474" t="s">
        <v>377</v>
      </c>
      <c r="L27" s="138">
        <v>2676000</v>
      </c>
      <c r="M27" s="474" t="s">
        <v>486</v>
      </c>
      <c r="N27" s="475" t="s">
        <v>377</v>
      </c>
      <c r="O27" s="44">
        <v>18</v>
      </c>
      <c r="P27" s="64" t="s">
        <v>18</v>
      </c>
      <c r="Q27" s="483" t="s">
        <v>485</v>
      </c>
      <c r="R27" s="474" t="s">
        <v>378</v>
      </c>
      <c r="S27" s="478">
        <v>2708311356</v>
      </c>
      <c r="T27" s="480">
        <v>16255000</v>
      </c>
      <c r="U27" s="478">
        <v>11867000</v>
      </c>
      <c r="V27" s="138">
        <v>23360000</v>
      </c>
      <c r="W27" s="480">
        <v>9181000</v>
      </c>
      <c r="X27" s="155" t="s">
        <v>491</v>
      </c>
      <c r="Y27" s="138">
        <v>0</v>
      </c>
      <c r="Z27" s="480">
        <v>0</v>
      </c>
      <c r="AA27" s="158" t="s">
        <v>492</v>
      </c>
      <c r="AB27" s="197" t="s">
        <v>492</v>
      </c>
      <c r="AC27" s="44">
        <v>18</v>
      </c>
      <c r="AD27" s="64" t="s">
        <v>18</v>
      </c>
      <c r="AE27" s="138">
        <v>133100000</v>
      </c>
      <c r="AF27" s="138">
        <v>68031000</v>
      </c>
      <c r="AG27" s="138">
        <v>0</v>
      </c>
      <c r="AH27" s="129">
        <v>49415005</v>
      </c>
      <c r="AI27" s="484">
        <v>3058146</v>
      </c>
      <c r="AJ27" s="129">
        <v>13713000</v>
      </c>
      <c r="AK27" s="138">
        <v>6747000</v>
      </c>
      <c r="AL27" s="129">
        <v>0</v>
      </c>
      <c r="AM27" s="129">
        <v>7240527</v>
      </c>
      <c r="AN27" s="485">
        <v>3970889135</v>
      </c>
      <c r="AO27" s="138">
        <v>16970000</v>
      </c>
      <c r="AP27" s="138">
        <v>22521330</v>
      </c>
      <c r="AQ27" s="138">
        <v>0</v>
      </c>
      <c r="AR27" s="453">
        <v>4010380465</v>
      </c>
      <c r="AS27" s="283"/>
      <c r="AT27" s="283"/>
    </row>
    <row r="28" spans="1:46" s="1218" customFormat="1" ht="15" customHeight="1" x14ac:dyDescent="0.15">
      <c r="A28" s="44">
        <v>19</v>
      </c>
      <c r="B28" s="64" t="s">
        <v>20</v>
      </c>
      <c r="C28" s="130">
        <v>738530887</v>
      </c>
      <c r="D28" s="473" t="s">
        <v>378</v>
      </c>
      <c r="E28" s="473" t="s">
        <v>379</v>
      </c>
      <c r="F28" s="473" t="s">
        <v>379</v>
      </c>
      <c r="G28" s="473" t="s">
        <v>379</v>
      </c>
      <c r="H28" s="473" t="s">
        <v>379</v>
      </c>
      <c r="I28" s="473" t="s">
        <v>379</v>
      </c>
      <c r="J28" s="474" t="s">
        <v>377</v>
      </c>
      <c r="K28" s="474" t="s">
        <v>377</v>
      </c>
      <c r="L28" s="138">
        <v>16761000</v>
      </c>
      <c r="M28" s="474" t="s">
        <v>486</v>
      </c>
      <c r="N28" s="475" t="s">
        <v>377</v>
      </c>
      <c r="O28" s="44">
        <v>19</v>
      </c>
      <c r="P28" s="64" t="s">
        <v>20</v>
      </c>
      <c r="Q28" s="483" t="s">
        <v>485</v>
      </c>
      <c r="R28" s="474" t="s">
        <v>378</v>
      </c>
      <c r="S28" s="478">
        <v>2063769391</v>
      </c>
      <c r="T28" s="480">
        <v>7176000</v>
      </c>
      <c r="U28" s="478">
        <v>24216000</v>
      </c>
      <c r="V28" s="130">
        <v>24063000</v>
      </c>
      <c r="W28" s="480">
        <v>3695000</v>
      </c>
      <c r="X28" s="155" t="s">
        <v>491</v>
      </c>
      <c r="Y28" s="130">
        <v>0</v>
      </c>
      <c r="Z28" s="480">
        <v>0</v>
      </c>
      <c r="AA28" s="158" t="s">
        <v>493</v>
      </c>
      <c r="AB28" s="197" t="s">
        <v>493</v>
      </c>
      <c r="AC28" s="44">
        <v>19</v>
      </c>
      <c r="AD28" s="64" t="s">
        <v>20</v>
      </c>
      <c r="AE28" s="130">
        <v>87408738</v>
      </c>
      <c r="AF28" s="130">
        <v>55585011</v>
      </c>
      <c r="AG28" s="138">
        <v>0</v>
      </c>
      <c r="AH28" s="480">
        <v>62636906</v>
      </c>
      <c r="AI28" s="478">
        <v>6418667</v>
      </c>
      <c r="AJ28" s="480">
        <v>5844981</v>
      </c>
      <c r="AK28" s="130">
        <v>70000000</v>
      </c>
      <c r="AL28" s="480">
        <v>0</v>
      </c>
      <c r="AM28" s="480">
        <v>5399096</v>
      </c>
      <c r="AN28" s="486">
        <v>3171504677</v>
      </c>
      <c r="AO28" s="130">
        <v>100000000</v>
      </c>
      <c r="AP28" s="130">
        <v>59701589</v>
      </c>
      <c r="AQ28" s="130">
        <v>0</v>
      </c>
      <c r="AR28" s="453">
        <v>3331206266</v>
      </c>
      <c r="AS28" s="283"/>
      <c r="AT28" s="283"/>
    </row>
    <row r="29" spans="1:46" s="1218" customFormat="1" ht="15" customHeight="1" x14ac:dyDescent="0.15">
      <c r="A29" s="44">
        <v>20</v>
      </c>
      <c r="B29" s="64" t="s">
        <v>21</v>
      </c>
      <c r="C29" s="130">
        <v>1049135540</v>
      </c>
      <c r="D29" s="473" t="s">
        <v>378</v>
      </c>
      <c r="E29" s="473" t="s">
        <v>379</v>
      </c>
      <c r="F29" s="473" t="s">
        <v>379</v>
      </c>
      <c r="G29" s="473" t="s">
        <v>379</v>
      </c>
      <c r="H29" s="473" t="s">
        <v>379</v>
      </c>
      <c r="I29" s="473" t="s">
        <v>379</v>
      </c>
      <c r="J29" s="474" t="s">
        <v>377</v>
      </c>
      <c r="K29" s="474" t="s">
        <v>377</v>
      </c>
      <c r="L29" s="138">
        <v>4810000</v>
      </c>
      <c r="M29" s="474" t="s">
        <v>486</v>
      </c>
      <c r="N29" s="475" t="s">
        <v>377</v>
      </c>
      <c r="O29" s="44">
        <v>20</v>
      </c>
      <c r="P29" s="64" t="s">
        <v>21</v>
      </c>
      <c r="Q29" s="483" t="s">
        <v>485</v>
      </c>
      <c r="R29" s="474" t="s">
        <v>378</v>
      </c>
      <c r="S29" s="478">
        <v>3190229354</v>
      </c>
      <c r="T29" s="480">
        <v>15988000</v>
      </c>
      <c r="U29" s="478">
        <v>16433000</v>
      </c>
      <c r="V29" s="130">
        <v>27400000</v>
      </c>
      <c r="W29" s="480">
        <v>11368000</v>
      </c>
      <c r="X29" s="155" t="s">
        <v>491</v>
      </c>
      <c r="Y29" s="130">
        <v>0</v>
      </c>
      <c r="Z29" s="480">
        <v>0</v>
      </c>
      <c r="AA29" s="158" t="s">
        <v>492</v>
      </c>
      <c r="AB29" s="197" t="s">
        <v>492</v>
      </c>
      <c r="AC29" s="44">
        <v>20</v>
      </c>
      <c r="AD29" s="64" t="s">
        <v>21</v>
      </c>
      <c r="AE29" s="130">
        <v>145646876</v>
      </c>
      <c r="AF29" s="130">
        <v>82176247</v>
      </c>
      <c r="AG29" s="138">
        <v>0</v>
      </c>
      <c r="AH29" s="480">
        <v>74797956</v>
      </c>
      <c r="AI29" s="478">
        <v>9549713</v>
      </c>
      <c r="AJ29" s="480">
        <v>14141031</v>
      </c>
      <c r="AK29" s="130">
        <v>26014926</v>
      </c>
      <c r="AL29" s="480">
        <v>0</v>
      </c>
      <c r="AM29" s="480">
        <v>8360807</v>
      </c>
      <c r="AN29" s="486">
        <v>4676051450</v>
      </c>
      <c r="AO29" s="130">
        <v>200000000</v>
      </c>
      <c r="AP29" s="130">
        <v>57550131</v>
      </c>
      <c r="AQ29" s="130">
        <v>0</v>
      </c>
      <c r="AR29" s="453">
        <v>4933601581</v>
      </c>
      <c r="AS29" s="283"/>
      <c r="AT29" s="283"/>
    </row>
    <row r="30" spans="1:46" s="1218" customFormat="1" ht="15" customHeight="1" x14ac:dyDescent="0.15">
      <c r="A30" s="116">
        <v>21</v>
      </c>
      <c r="B30" s="64" t="s">
        <v>19</v>
      </c>
      <c r="C30" s="138">
        <v>1670933157</v>
      </c>
      <c r="D30" s="473" t="s">
        <v>378</v>
      </c>
      <c r="E30" s="473" t="s">
        <v>379</v>
      </c>
      <c r="F30" s="473" t="s">
        <v>379</v>
      </c>
      <c r="G30" s="473" t="s">
        <v>379</v>
      </c>
      <c r="H30" s="473" t="s">
        <v>379</v>
      </c>
      <c r="I30" s="473" t="s">
        <v>379</v>
      </c>
      <c r="J30" s="474" t="s">
        <v>377</v>
      </c>
      <c r="K30" s="474" t="s">
        <v>377</v>
      </c>
      <c r="L30" s="138">
        <v>34882000</v>
      </c>
      <c r="M30" s="474" t="s">
        <v>486</v>
      </c>
      <c r="N30" s="475" t="s">
        <v>377</v>
      </c>
      <c r="O30" s="116">
        <v>21</v>
      </c>
      <c r="P30" s="64" t="s">
        <v>19</v>
      </c>
      <c r="Q30" s="483" t="s">
        <v>485</v>
      </c>
      <c r="R30" s="487" t="s">
        <v>378</v>
      </c>
      <c r="S30" s="488">
        <v>5586072080</v>
      </c>
      <c r="T30" s="489">
        <v>30868000</v>
      </c>
      <c r="U30" s="488">
        <v>58867000</v>
      </c>
      <c r="V30" s="138">
        <v>50968000</v>
      </c>
      <c r="W30" s="489">
        <v>15835000</v>
      </c>
      <c r="X30" s="201" t="s">
        <v>491</v>
      </c>
      <c r="Y30" s="138">
        <v>0</v>
      </c>
      <c r="Z30" s="129">
        <v>0</v>
      </c>
      <c r="AA30" s="201" t="s">
        <v>493</v>
      </c>
      <c r="AB30" s="202" t="s">
        <v>493</v>
      </c>
      <c r="AC30" s="116">
        <v>21</v>
      </c>
      <c r="AD30" s="64" t="s">
        <v>19</v>
      </c>
      <c r="AE30" s="138">
        <v>195578600</v>
      </c>
      <c r="AF30" s="138">
        <v>124205980</v>
      </c>
      <c r="AG30" s="138">
        <v>0</v>
      </c>
      <c r="AH30" s="129">
        <v>122147436</v>
      </c>
      <c r="AI30" s="484">
        <v>22120000</v>
      </c>
      <c r="AJ30" s="129">
        <v>18061117</v>
      </c>
      <c r="AK30" s="138">
        <v>234292969</v>
      </c>
      <c r="AL30" s="129">
        <v>0</v>
      </c>
      <c r="AM30" s="129">
        <v>80878273</v>
      </c>
      <c r="AN30" s="485">
        <v>8245709612</v>
      </c>
      <c r="AO30" s="138">
        <v>0</v>
      </c>
      <c r="AP30" s="138">
        <v>10000000</v>
      </c>
      <c r="AQ30" s="138">
        <v>0</v>
      </c>
      <c r="AR30" s="453">
        <v>8255709612</v>
      </c>
      <c r="AS30" s="283"/>
      <c r="AT30" s="283"/>
    </row>
    <row r="31" spans="1:46" s="1218" customFormat="1" ht="15" customHeight="1" x14ac:dyDescent="0.15">
      <c r="A31" s="116">
        <v>22</v>
      </c>
      <c r="B31" s="118" t="s">
        <v>22</v>
      </c>
      <c r="C31" s="490">
        <v>817513098</v>
      </c>
      <c r="D31" s="491" t="s">
        <v>378</v>
      </c>
      <c r="E31" s="491" t="s">
        <v>379</v>
      </c>
      <c r="F31" s="491" t="s">
        <v>379</v>
      </c>
      <c r="G31" s="491" t="s">
        <v>379</v>
      </c>
      <c r="H31" s="491" t="s">
        <v>379</v>
      </c>
      <c r="I31" s="491" t="s">
        <v>379</v>
      </c>
      <c r="J31" s="487" t="s">
        <v>377</v>
      </c>
      <c r="K31" s="487" t="s">
        <v>377</v>
      </c>
      <c r="L31" s="451">
        <v>4372000</v>
      </c>
      <c r="M31" s="487" t="s">
        <v>486</v>
      </c>
      <c r="N31" s="492" t="s">
        <v>377</v>
      </c>
      <c r="O31" s="116">
        <v>22</v>
      </c>
      <c r="P31" s="118" t="s">
        <v>22</v>
      </c>
      <c r="Q31" s="483" t="s">
        <v>485</v>
      </c>
      <c r="R31" s="487" t="s">
        <v>378</v>
      </c>
      <c r="S31" s="493">
        <v>2427333046</v>
      </c>
      <c r="T31" s="489">
        <v>11136000</v>
      </c>
      <c r="U31" s="493">
        <v>8947000</v>
      </c>
      <c r="V31" s="490">
        <v>24941000</v>
      </c>
      <c r="W31" s="489">
        <v>7593000</v>
      </c>
      <c r="X31" s="143" t="s">
        <v>491</v>
      </c>
      <c r="Y31" s="490">
        <v>0</v>
      </c>
      <c r="Z31" s="489">
        <v>0</v>
      </c>
      <c r="AA31" s="201" t="s">
        <v>492</v>
      </c>
      <c r="AB31" s="202" t="s">
        <v>492</v>
      </c>
      <c r="AC31" s="116">
        <v>22</v>
      </c>
      <c r="AD31" s="118" t="s">
        <v>22</v>
      </c>
      <c r="AE31" s="490">
        <v>97146525</v>
      </c>
      <c r="AF31" s="490">
        <v>59631647</v>
      </c>
      <c r="AG31" s="138">
        <v>0</v>
      </c>
      <c r="AH31" s="489">
        <v>45558000</v>
      </c>
      <c r="AI31" s="493">
        <v>7000000</v>
      </c>
      <c r="AJ31" s="489">
        <v>12668000</v>
      </c>
      <c r="AK31" s="490">
        <v>0</v>
      </c>
      <c r="AL31" s="489">
        <v>0</v>
      </c>
      <c r="AM31" s="489">
        <v>7106831</v>
      </c>
      <c r="AN31" s="488">
        <v>3530946147</v>
      </c>
      <c r="AO31" s="490">
        <v>43873000</v>
      </c>
      <c r="AP31" s="490">
        <v>20471128</v>
      </c>
      <c r="AQ31" s="490">
        <v>0</v>
      </c>
      <c r="AR31" s="453">
        <v>3595290275</v>
      </c>
      <c r="AS31" s="283"/>
      <c r="AT31" s="283"/>
    </row>
    <row r="32" spans="1:46" s="1218" customFormat="1" ht="15" customHeight="1" x14ac:dyDescent="0.15">
      <c r="A32" s="44">
        <v>23</v>
      </c>
      <c r="B32" s="64" t="s">
        <v>23</v>
      </c>
      <c r="C32" s="130">
        <v>679402207</v>
      </c>
      <c r="D32" s="473" t="s">
        <v>378</v>
      </c>
      <c r="E32" s="473" t="s">
        <v>379</v>
      </c>
      <c r="F32" s="473" t="s">
        <v>379</v>
      </c>
      <c r="G32" s="473" t="s">
        <v>379</v>
      </c>
      <c r="H32" s="473" t="s">
        <v>379</v>
      </c>
      <c r="I32" s="473" t="s">
        <v>379</v>
      </c>
      <c r="J32" s="474" t="s">
        <v>377</v>
      </c>
      <c r="K32" s="474" t="s">
        <v>377</v>
      </c>
      <c r="L32" s="138">
        <v>2458000</v>
      </c>
      <c r="M32" s="474" t="s">
        <v>486</v>
      </c>
      <c r="N32" s="475" t="s">
        <v>377</v>
      </c>
      <c r="O32" s="44">
        <v>23</v>
      </c>
      <c r="P32" s="64" t="s">
        <v>23</v>
      </c>
      <c r="Q32" s="483" t="s">
        <v>485</v>
      </c>
      <c r="R32" s="474" t="s">
        <v>378</v>
      </c>
      <c r="S32" s="478">
        <v>1852593980</v>
      </c>
      <c r="T32" s="480">
        <v>9055000</v>
      </c>
      <c r="U32" s="478">
        <v>7507000</v>
      </c>
      <c r="V32" s="130">
        <v>23887000</v>
      </c>
      <c r="W32" s="480">
        <v>6825000</v>
      </c>
      <c r="X32" s="155" t="s">
        <v>491</v>
      </c>
      <c r="Y32" s="130">
        <v>0</v>
      </c>
      <c r="Z32" s="480">
        <v>0</v>
      </c>
      <c r="AA32" s="158" t="s">
        <v>493</v>
      </c>
      <c r="AB32" s="197" t="s">
        <v>493</v>
      </c>
      <c r="AC32" s="44">
        <v>23</v>
      </c>
      <c r="AD32" s="64" t="s">
        <v>23</v>
      </c>
      <c r="AE32" s="130">
        <v>91524790</v>
      </c>
      <c r="AF32" s="130">
        <v>51985910</v>
      </c>
      <c r="AG32" s="138">
        <v>0</v>
      </c>
      <c r="AH32" s="480">
        <v>39532000</v>
      </c>
      <c r="AI32" s="478">
        <v>5600000</v>
      </c>
      <c r="AJ32" s="480">
        <v>10560927</v>
      </c>
      <c r="AK32" s="130">
        <v>0</v>
      </c>
      <c r="AL32" s="480">
        <v>0</v>
      </c>
      <c r="AM32" s="480">
        <v>14439947</v>
      </c>
      <c r="AN32" s="486">
        <v>2795371761</v>
      </c>
      <c r="AO32" s="130">
        <v>0</v>
      </c>
      <c r="AP32" s="130">
        <v>36266476</v>
      </c>
      <c r="AQ32" s="130">
        <v>0</v>
      </c>
      <c r="AR32" s="453">
        <v>2831638237</v>
      </c>
      <c r="AS32" s="283"/>
      <c r="AT32" s="283"/>
    </row>
    <row r="33" spans="1:48" s="1218" customFormat="1" ht="15" customHeight="1" x14ac:dyDescent="0.15">
      <c r="A33" s="44">
        <v>24</v>
      </c>
      <c r="B33" s="64" t="s">
        <v>24</v>
      </c>
      <c r="C33" s="130">
        <v>227755310</v>
      </c>
      <c r="D33" s="473" t="s">
        <v>378</v>
      </c>
      <c r="E33" s="473" t="s">
        <v>379</v>
      </c>
      <c r="F33" s="473" t="s">
        <v>379</v>
      </c>
      <c r="G33" s="473" t="s">
        <v>379</v>
      </c>
      <c r="H33" s="473" t="s">
        <v>379</v>
      </c>
      <c r="I33" s="473" t="s">
        <v>379</v>
      </c>
      <c r="J33" s="474" t="s">
        <v>377</v>
      </c>
      <c r="K33" s="474" t="s">
        <v>377</v>
      </c>
      <c r="L33" s="138">
        <v>0</v>
      </c>
      <c r="M33" s="474" t="s">
        <v>486</v>
      </c>
      <c r="N33" s="475" t="s">
        <v>377</v>
      </c>
      <c r="O33" s="44">
        <v>24</v>
      </c>
      <c r="P33" s="64" t="s">
        <v>24</v>
      </c>
      <c r="Q33" s="483" t="s">
        <v>485</v>
      </c>
      <c r="R33" s="474" t="s">
        <v>378</v>
      </c>
      <c r="S33" s="478">
        <v>775761752</v>
      </c>
      <c r="T33" s="480">
        <v>2780000</v>
      </c>
      <c r="U33" s="478">
        <v>1263000</v>
      </c>
      <c r="V33" s="130">
        <v>21779000</v>
      </c>
      <c r="W33" s="480">
        <v>1735000</v>
      </c>
      <c r="X33" s="155" t="s">
        <v>491</v>
      </c>
      <c r="Y33" s="130">
        <v>0</v>
      </c>
      <c r="Z33" s="480">
        <v>0</v>
      </c>
      <c r="AA33" s="158" t="s">
        <v>492</v>
      </c>
      <c r="AB33" s="197" t="s">
        <v>492</v>
      </c>
      <c r="AC33" s="44">
        <v>24</v>
      </c>
      <c r="AD33" s="64" t="s">
        <v>24</v>
      </c>
      <c r="AE33" s="130">
        <v>26889610</v>
      </c>
      <c r="AF33" s="130">
        <v>16970503</v>
      </c>
      <c r="AG33" s="138">
        <v>0</v>
      </c>
      <c r="AH33" s="480">
        <v>21263070</v>
      </c>
      <c r="AI33" s="478">
        <v>546666</v>
      </c>
      <c r="AJ33" s="480">
        <v>4281370</v>
      </c>
      <c r="AK33" s="130">
        <v>21000000</v>
      </c>
      <c r="AL33" s="480">
        <v>0</v>
      </c>
      <c r="AM33" s="480">
        <v>7241202</v>
      </c>
      <c r="AN33" s="486">
        <v>1129266483</v>
      </c>
      <c r="AO33" s="130">
        <v>0</v>
      </c>
      <c r="AP33" s="130">
        <v>4702001</v>
      </c>
      <c r="AQ33" s="130">
        <v>0</v>
      </c>
      <c r="AR33" s="453">
        <v>1133968484</v>
      </c>
      <c r="AS33" s="283"/>
      <c r="AT33" s="283"/>
    </row>
    <row r="34" spans="1:48" s="1218" customFormat="1" ht="15" customHeight="1" x14ac:dyDescent="0.15">
      <c r="A34" s="44">
        <v>25</v>
      </c>
      <c r="B34" s="64" t="s">
        <v>25</v>
      </c>
      <c r="C34" s="130">
        <v>278520642</v>
      </c>
      <c r="D34" s="473" t="s">
        <v>378</v>
      </c>
      <c r="E34" s="473" t="s">
        <v>379</v>
      </c>
      <c r="F34" s="473" t="s">
        <v>379</v>
      </c>
      <c r="G34" s="473" t="s">
        <v>379</v>
      </c>
      <c r="H34" s="473" t="s">
        <v>379</v>
      </c>
      <c r="I34" s="473" t="s">
        <v>379</v>
      </c>
      <c r="J34" s="474" t="s">
        <v>377</v>
      </c>
      <c r="K34" s="474" t="s">
        <v>377</v>
      </c>
      <c r="L34" s="138">
        <v>2553000</v>
      </c>
      <c r="M34" s="474" t="s">
        <v>486</v>
      </c>
      <c r="N34" s="475" t="s">
        <v>377</v>
      </c>
      <c r="O34" s="44">
        <v>25</v>
      </c>
      <c r="P34" s="64" t="s">
        <v>25</v>
      </c>
      <c r="Q34" s="483" t="s">
        <v>485</v>
      </c>
      <c r="R34" s="474" t="s">
        <v>378</v>
      </c>
      <c r="S34" s="478">
        <v>950568216</v>
      </c>
      <c r="T34" s="480">
        <v>3792000</v>
      </c>
      <c r="U34" s="478">
        <v>4663000</v>
      </c>
      <c r="V34" s="130">
        <v>31088000</v>
      </c>
      <c r="W34" s="480">
        <v>2756000</v>
      </c>
      <c r="X34" s="155" t="s">
        <v>491</v>
      </c>
      <c r="Y34" s="130">
        <v>0</v>
      </c>
      <c r="Z34" s="480">
        <v>0</v>
      </c>
      <c r="AA34" s="158" t="s">
        <v>493</v>
      </c>
      <c r="AB34" s="197" t="s">
        <v>493</v>
      </c>
      <c r="AC34" s="44">
        <v>25</v>
      </c>
      <c r="AD34" s="64" t="s">
        <v>25</v>
      </c>
      <c r="AE34" s="130">
        <v>38523000</v>
      </c>
      <c r="AF34" s="130">
        <v>20472000</v>
      </c>
      <c r="AG34" s="138">
        <v>0</v>
      </c>
      <c r="AH34" s="480">
        <v>32638000</v>
      </c>
      <c r="AI34" s="478">
        <v>2800000</v>
      </c>
      <c r="AJ34" s="480">
        <v>5074000</v>
      </c>
      <c r="AK34" s="130">
        <v>0</v>
      </c>
      <c r="AL34" s="480">
        <v>0</v>
      </c>
      <c r="AM34" s="480">
        <v>4796613</v>
      </c>
      <c r="AN34" s="486">
        <v>1378244471</v>
      </c>
      <c r="AO34" s="130">
        <v>25000000</v>
      </c>
      <c r="AP34" s="130">
        <v>76275389</v>
      </c>
      <c r="AQ34" s="130">
        <v>0</v>
      </c>
      <c r="AR34" s="453">
        <v>1479519860</v>
      </c>
      <c r="AS34" s="283"/>
      <c r="AT34" s="283"/>
    </row>
    <row r="35" spans="1:48" s="1218" customFormat="1" ht="15" customHeight="1" x14ac:dyDescent="0.15">
      <c r="A35" s="44">
        <v>26</v>
      </c>
      <c r="B35" s="64" t="s">
        <v>26</v>
      </c>
      <c r="C35" s="130">
        <v>262568777</v>
      </c>
      <c r="D35" s="473" t="s">
        <v>378</v>
      </c>
      <c r="E35" s="473" t="s">
        <v>379</v>
      </c>
      <c r="F35" s="473" t="s">
        <v>379</v>
      </c>
      <c r="G35" s="473" t="s">
        <v>379</v>
      </c>
      <c r="H35" s="473" t="s">
        <v>379</v>
      </c>
      <c r="I35" s="473" t="s">
        <v>379</v>
      </c>
      <c r="J35" s="474" t="s">
        <v>377</v>
      </c>
      <c r="K35" s="474" t="s">
        <v>377</v>
      </c>
      <c r="L35" s="138">
        <v>1891000</v>
      </c>
      <c r="M35" s="474" t="s">
        <v>486</v>
      </c>
      <c r="N35" s="475" t="s">
        <v>377</v>
      </c>
      <c r="O35" s="44">
        <v>26</v>
      </c>
      <c r="P35" s="64" t="s">
        <v>26</v>
      </c>
      <c r="Q35" s="483" t="s">
        <v>485</v>
      </c>
      <c r="R35" s="474" t="s">
        <v>378</v>
      </c>
      <c r="S35" s="478">
        <v>802820843</v>
      </c>
      <c r="T35" s="480">
        <v>7381000</v>
      </c>
      <c r="U35" s="478">
        <v>3045000</v>
      </c>
      <c r="V35" s="130">
        <v>23711000</v>
      </c>
      <c r="W35" s="480">
        <v>2630000</v>
      </c>
      <c r="X35" s="155" t="s">
        <v>491</v>
      </c>
      <c r="Y35" s="130">
        <v>0</v>
      </c>
      <c r="Z35" s="480">
        <v>0</v>
      </c>
      <c r="AA35" s="158" t="s">
        <v>492</v>
      </c>
      <c r="AB35" s="197" t="s">
        <v>492</v>
      </c>
      <c r="AC35" s="44">
        <v>26</v>
      </c>
      <c r="AD35" s="64" t="s">
        <v>26</v>
      </c>
      <c r="AE35" s="130">
        <v>39632739</v>
      </c>
      <c r="AF35" s="130">
        <v>21403033</v>
      </c>
      <c r="AG35" s="138">
        <v>0</v>
      </c>
      <c r="AH35" s="480">
        <v>31167032</v>
      </c>
      <c r="AI35" s="478">
        <v>2520000</v>
      </c>
      <c r="AJ35" s="480">
        <v>4279730</v>
      </c>
      <c r="AK35" s="130">
        <v>0</v>
      </c>
      <c r="AL35" s="480">
        <v>0</v>
      </c>
      <c r="AM35" s="480">
        <v>3675994</v>
      </c>
      <c r="AN35" s="486">
        <v>1206726148</v>
      </c>
      <c r="AO35" s="130">
        <v>10000000</v>
      </c>
      <c r="AP35" s="130">
        <v>6087728</v>
      </c>
      <c r="AQ35" s="130">
        <v>0</v>
      </c>
      <c r="AR35" s="453">
        <v>1222813876</v>
      </c>
      <c r="AS35" s="283"/>
      <c r="AT35" s="283"/>
    </row>
    <row r="36" spans="1:48" s="1218" customFormat="1" ht="15" customHeight="1" x14ac:dyDescent="0.15">
      <c r="A36" s="44">
        <v>27</v>
      </c>
      <c r="B36" s="64" t="s">
        <v>27</v>
      </c>
      <c r="C36" s="130">
        <v>276510848</v>
      </c>
      <c r="D36" s="473" t="s">
        <v>378</v>
      </c>
      <c r="E36" s="473" t="s">
        <v>379</v>
      </c>
      <c r="F36" s="473" t="s">
        <v>379</v>
      </c>
      <c r="G36" s="473" t="s">
        <v>379</v>
      </c>
      <c r="H36" s="473" t="s">
        <v>379</v>
      </c>
      <c r="I36" s="473" t="s">
        <v>379</v>
      </c>
      <c r="J36" s="474" t="s">
        <v>377</v>
      </c>
      <c r="K36" s="474" t="s">
        <v>377</v>
      </c>
      <c r="L36" s="138">
        <v>530000</v>
      </c>
      <c r="M36" s="474" t="s">
        <v>486</v>
      </c>
      <c r="N36" s="475" t="s">
        <v>377</v>
      </c>
      <c r="O36" s="44">
        <v>27</v>
      </c>
      <c r="P36" s="64" t="s">
        <v>27</v>
      </c>
      <c r="Q36" s="483" t="s">
        <v>485</v>
      </c>
      <c r="R36" s="474" t="s">
        <v>378</v>
      </c>
      <c r="S36" s="478">
        <v>964176407</v>
      </c>
      <c r="T36" s="480">
        <v>2178000</v>
      </c>
      <c r="U36" s="478">
        <v>1551000</v>
      </c>
      <c r="V36" s="130">
        <v>25468000</v>
      </c>
      <c r="W36" s="480">
        <v>2742000</v>
      </c>
      <c r="X36" s="155" t="s">
        <v>491</v>
      </c>
      <c r="Y36" s="130">
        <v>0</v>
      </c>
      <c r="Z36" s="480">
        <v>0</v>
      </c>
      <c r="AA36" s="158" t="s">
        <v>493</v>
      </c>
      <c r="AB36" s="197" t="s">
        <v>493</v>
      </c>
      <c r="AC36" s="44">
        <v>27</v>
      </c>
      <c r="AD36" s="64" t="s">
        <v>27</v>
      </c>
      <c r="AE36" s="130">
        <v>38027330</v>
      </c>
      <c r="AF36" s="130">
        <v>20245197</v>
      </c>
      <c r="AG36" s="138">
        <v>0</v>
      </c>
      <c r="AH36" s="480">
        <v>19070985</v>
      </c>
      <c r="AI36" s="478">
        <v>840000</v>
      </c>
      <c r="AJ36" s="480">
        <v>5736764</v>
      </c>
      <c r="AK36" s="130">
        <v>20000000</v>
      </c>
      <c r="AL36" s="480">
        <v>0</v>
      </c>
      <c r="AM36" s="480">
        <v>8302650</v>
      </c>
      <c r="AN36" s="486">
        <v>1385379181</v>
      </c>
      <c r="AO36" s="130">
        <v>0</v>
      </c>
      <c r="AP36" s="130">
        <v>6392404</v>
      </c>
      <c r="AQ36" s="130">
        <v>0</v>
      </c>
      <c r="AR36" s="453">
        <v>1391771585</v>
      </c>
      <c r="AS36" s="283"/>
      <c r="AT36" s="283"/>
    </row>
    <row r="37" spans="1:48" s="1218" customFormat="1" ht="15" customHeight="1" x14ac:dyDescent="0.15">
      <c r="A37" s="44">
        <v>28</v>
      </c>
      <c r="B37" s="64" t="s">
        <v>28</v>
      </c>
      <c r="C37" s="130">
        <v>333896204</v>
      </c>
      <c r="D37" s="473" t="s">
        <v>378</v>
      </c>
      <c r="E37" s="473" t="s">
        <v>379</v>
      </c>
      <c r="F37" s="473" t="s">
        <v>379</v>
      </c>
      <c r="G37" s="473" t="s">
        <v>379</v>
      </c>
      <c r="H37" s="473" t="s">
        <v>379</v>
      </c>
      <c r="I37" s="473" t="s">
        <v>379</v>
      </c>
      <c r="J37" s="474" t="s">
        <v>377</v>
      </c>
      <c r="K37" s="474" t="s">
        <v>377</v>
      </c>
      <c r="L37" s="138">
        <v>1574000</v>
      </c>
      <c r="M37" s="474" t="s">
        <v>486</v>
      </c>
      <c r="N37" s="475" t="s">
        <v>377</v>
      </c>
      <c r="O37" s="44">
        <v>28</v>
      </c>
      <c r="P37" s="64" t="s">
        <v>28</v>
      </c>
      <c r="Q37" s="483" t="s">
        <v>485</v>
      </c>
      <c r="R37" s="474" t="s">
        <v>378</v>
      </c>
      <c r="S37" s="478">
        <v>1025063767</v>
      </c>
      <c r="T37" s="480">
        <v>6250000</v>
      </c>
      <c r="U37" s="478">
        <v>4360000</v>
      </c>
      <c r="V37" s="130">
        <v>24414000</v>
      </c>
      <c r="W37" s="480">
        <v>5036000</v>
      </c>
      <c r="X37" s="155" t="s">
        <v>491</v>
      </c>
      <c r="Y37" s="130">
        <v>0</v>
      </c>
      <c r="Z37" s="480">
        <v>0</v>
      </c>
      <c r="AA37" s="158" t="s">
        <v>492</v>
      </c>
      <c r="AB37" s="197" t="s">
        <v>492</v>
      </c>
      <c r="AC37" s="44">
        <v>28</v>
      </c>
      <c r="AD37" s="64" t="s">
        <v>28</v>
      </c>
      <c r="AE37" s="130">
        <v>41211340</v>
      </c>
      <c r="AF37" s="130">
        <v>24794224</v>
      </c>
      <c r="AG37" s="138">
        <v>0</v>
      </c>
      <c r="AH37" s="480">
        <v>17558201</v>
      </c>
      <c r="AI37" s="478">
        <v>2217806</v>
      </c>
      <c r="AJ37" s="480">
        <v>4686997</v>
      </c>
      <c r="AK37" s="130">
        <v>8933329</v>
      </c>
      <c r="AL37" s="480">
        <v>0</v>
      </c>
      <c r="AM37" s="480">
        <v>4651173</v>
      </c>
      <c r="AN37" s="486">
        <v>1504647041</v>
      </c>
      <c r="AO37" s="130">
        <v>0</v>
      </c>
      <c r="AP37" s="130">
        <v>66259016</v>
      </c>
      <c r="AQ37" s="130">
        <v>0</v>
      </c>
      <c r="AR37" s="453">
        <v>1570906057</v>
      </c>
      <c r="AS37" s="283"/>
      <c r="AT37" s="283"/>
    </row>
    <row r="38" spans="1:48" s="1218" customFormat="1" ht="15" customHeight="1" x14ac:dyDescent="0.15">
      <c r="A38" s="44">
        <v>29</v>
      </c>
      <c r="B38" s="64" t="s">
        <v>29</v>
      </c>
      <c r="C38" s="130">
        <v>238490910</v>
      </c>
      <c r="D38" s="473" t="s">
        <v>378</v>
      </c>
      <c r="E38" s="473" t="s">
        <v>379</v>
      </c>
      <c r="F38" s="473" t="s">
        <v>379</v>
      </c>
      <c r="G38" s="473" t="s">
        <v>379</v>
      </c>
      <c r="H38" s="473" t="s">
        <v>379</v>
      </c>
      <c r="I38" s="473" t="s">
        <v>379</v>
      </c>
      <c r="J38" s="474" t="s">
        <v>377</v>
      </c>
      <c r="K38" s="474" t="s">
        <v>377</v>
      </c>
      <c r="L38" s="138">
        <v>6447000</v>
      </c>
      <c r="M38" s="474" t="s">
        <v>486</v>
      </c>
      <c r="N38" s="475" t="s">
        <v>377</v>
      </c>
      <c r="O38" s="44">
        <v>29</v>
      </c>
      <c r="P38" s="64" t="s">
        <v>29</v>
      </c>
      <c r="Q38" s="483" t="s">
        <v>485</v>
      </c>
      <c r="R38" s="474" t="s">
        <v>378</v>
      </c>
      <c r="S38" s="478">
        <v>872859444</v>
      </c>
      <c r="T38" s="480">
        <v>6843000</v>
      </c>
      <c r="U38" s="478">
        <v>6914000</v>
      </c>
      <c r="V38" s="130">
        <v>20725000</v>
      </c>
      <c r="W38" s="480">
        <v>2227000</v>
      </c>
      <c r="X38" s="155" t="s">
        <v>491</v>
      </c>
      <c r="Y38" s="130">
        <v>0</v>
      </c>
      <c r="Z38" s="480">
        <v>0</v>
      </c>
      <c r="AA38" s="158" t="s">
        <v>493</v>
      </c>
      <c r="AB38" s="197" t="s">
        <v>493</v>
      </c>
      <c r="AC38" s="44">
        <v>29</v>
      </c>
      <c r="AD38" s="64" t="s">
        <v>29</v>
      </c>
      <c r="AE38" s="130">
        <v>33785359</v>
      </c>
      <c r="AF38" s="130">
        <v>19464265</v>
      </c>
      <c r="AG38" s="138">
        <v>0</v>
      </c>
      <c r="AH38" s="480">
        <v>62281486</v>
      </c>
      <c r="AI38" s="478">
        <v>1400000</v>
      </c>
      <c r="AJ38" s="480">
        <v>4059995</v>
      </c>
      <c r="AK38" s="130">
        <v>0</v>
      </c>
      <c r="AL38" s="480">
        <v>0</v>
      </c>
      <c r="AM38" s="480">
        <v>4128893</v>
      </c>
      <c r="AN38" s="486">
        <v>1279626352</v>
      </c>
      <c r="AO38" s="130">
        <v>50000000</v>
      </c>
      <c r="AP38" s="130">
        <v>59030118</v>
      </c>
      <c r="AQ38" s="130">
        <v>0</v>
      </c>
      <c r="AR38" s="453">
        <v>1388656470</v>
      </c>
      <c r="AS38" s="283"/>
      <c r="AT38" s="283"/>
    </row>
    <row r="39" spans="1:48" s="1218" customFormat="1" ht="15" customHeight="1" x14ac:dyDescent="0.15">
      <c r="A39" s="44">
        <v>30</v>
      </c>
      <c r="B39" s="64" t="s">
        <v>30</v>
      </c>
      <c r="C39" s="130">
        <v>203165280</v>
      </c>
      <c r="D39" s="473" t="s">
        <v>378</v>
      </c>
      <c r="E39" s="473" t="s">
        <v>379</v>
      </c>
      <c r="F39" s="473" t="s">
        <v>379</v>
      </c>
      <c r="G39" s="473" t="s">
        <v>379</v>
      </c>
      <c r="H39" s="473" t="s">
        <v>379</v>
      </c>
      <c r="I39" s="473" t="s">
        <v>379</v>
      </c>
      <c r="J39" s="474" t="s">
        <v>377</v>
      </c>
      <c r="K39" s="474" t="s">
        <v>377</v>
      </c>
      <c r="L39" s="138">
        <v>1463000</v>
      </c>
      <c r="M39" s="474" t="s">
        <v>486</v>
      </c>
      <c r="N39" s="475" t="s">
        <v>377</v>
      </c>
      <c r="O39" s="44">
        <v>30</v>
      </c>
      <c r="P39" s="64" t="s">
        <v>30</v>
      </c>
      <c r="Q39" s="483" t="s">
        <v>485</v>
      </c>
      <c r="R39" s="474" t="s">
        <v>378</v>
      </c>
      <c r="S39" s="478">
        <v>713570104</v>
      </c>
      <c r="T39" s="480">
        <v>4490000</v>
      </c>
      <c r="U39" s="478">
        <v>2950000</v>
      </c>
      <c r="V39" s="130">
        <v>21604000</v>
      </c>
      <c r="W39" s="480">
        <v>2657000</v>
      </c>
      <c r="X39" s="155" t="s">
        <v>491</v>
      </c>
      <c r="Y39" s="130">
        <v>0</v>
      </c>
      <c r="Z39" s="480">
        <v>0</v>
      </c>
      <c r="AA39" s="158" t="s">
        <v>492</v>
      </c>
      <c r="AB39" s="197" t="s">
        <v>492</v>
      </c>
      <c r="AC39" s="44">
        <v>30</v>
      </c>
      <c r="AD39" s="64" t="s">
        <v>30</v>
      </c>
      <c r="AE39" s="130">
        <v>36969405</v>
      </c>
      <c r="AF39" s="130">
        <v>18053007</v>
      </c>
      <c r="AG39" s="138">
        <v>0</v>
      </c>
      <c r="AH39" s="480">
        <v>24423000</v>
      </c>
      <c r="AI39" s="478">
        <v>840000</v>
      </c>
      <c r="AJ39" s="480">
        <v>3547872</v>
      </c>
      <c r="AK39" s="130">
        <v>0</v>
      </c>
      <c r="AL39" s="480">
        <v>0</v>
      </c>
      <c r="AM39" s="480">
        <v>3858928</v>
      </c>
      <c r="AN39" s="486">
        <v>1037591596</v>
      </c>
      <c r="AO39" s="130">
        <v>0</v>
      </c>
      <c r="AP39" s="130">
        <v>47231449</v>
      </c>
      <c r="AQ39" s="130">
        <v>0</v>
      </c>
      <c r="AR39" s="453">
        <v>1084823045</v>
      </c>
      <c r="AS39" s="283"/>
      <c r="AT39" s="283"/>
    </row>
    <row r="40" spans="1:48" s="1218" customFormat="1" ht="15" customHeight="1" x14ac:dyDescent="0.15">
      <c r="A40" s="44">
        <v>31</v>
      </c>
      <c r="B40" s="64" t="s">
        <v>31</v>
      </c>
      <c r="C40" s="130">
        <v>654517511</v>
      </c>
      <c r="D40" s="473" t="s">
        <v>378</v>
      </c>
      <c r="E40" s="473" t="s">
        <v>379</v>
      </c>
      <c r="F40" s="473" t="s">
        <v>379</v>
      </c>
      <c r="G40" s="473" t="s">
        <v>379</v>
      </c>
      <c r="H40" s="473" t="s">
        <v>379</v>
      </c>
      <c r="I40" s="473" t="s">
        <v>379</v>
      </c>
      <c r="J40" s="474" t="s">
        <v>377</v>
      </c>
      <c r="K40" s="474" t="s">
        <v>377</v>
      </c>
      <c r="L40" s="138">
        <v>10190000</v>
      </c>
      <c r="M40" s="474" t="s">
        <v>486</v>
      </c>
      <c r="N40" s="475" t="s">
        <v>377</v>
      </c>
      <c r="O40" s="44">
        <v>31</v>
      </c>
      <c r="P40" s="64" t="s">
        <v>31</v>
      </c>
      <c r="Q40" s="483" t="s">
        <v>485</v>
      </c>
      <c r="R40" s="474" t="s">
        <v>378</v>
      </c>
      <c r="S40" s="478">
        <v>2001556224</v>
      </c>
      <c r="T40" s="480">
        <v>12235000</v>
      </c>
      <c r="U40" s="478">
        <v>13126000</v>
      </c>
      <c r="V40" s="130">
        <v>23536000</v>
      </c>
      <c r="W40" s="480">
        <v>7954000</v>
      </c>
      <c r="X40" s="155" t="s">
        <v>491</v>
      </c>
      <c r="Y40" s="130">
        <v>0</v>
      </c>
      <c r="Z40" s="480">
        <v>0</v>
      </c>
      <c r="AA40" s="158" t="s">
        <v>493</v>
      </c>
      <c r="AB40" s="197" t="s">
        <v>493</v>
      </c>
      <c r="AC40" s="44">
        <v>31</v>
      </c>
      <c r="AD40" s="64" t="s">
        <v>31</v>
      </c>
      <c r="AE40" s="130">
        <v>97576520</v>
      </c>
      <c r="AF40" s="130">
        <v>56506046</v>
      </c>
      <c r="AG40" s="138">
        <v>0</v>
      </c>
      <c r="AH40" s="480">
        <v>41990626</v>
      </c>
      <c r="AI40" s="478">
        <v>1960000</v>
      </c>
      <c r="AJ40" s="480">
        <v>10375000</v>
      </c>
      <c r="AK40" s="130">
        <v>0</v>
      </c>
      <c r="AL40" s="480">
        <v>0</v>
      </c>
      <c r="AM40" s="480">
        <v>18615582</v>
      </c>
      <c r="AN40" s="486">
        <v>2950138509</v>
      </c>
      <c r="AO40" s="130">
        <v>0</v>
      </c>
      <c r="AP40" s="130">
        <v>145201674</v>
      </c>
      <c r="AQ40" s="130">
        <v>0</v>
      </c>
      <c r="AR40" s="453">
        <v>3095340183</v>
      </c>
      <c r="AS40" s="283"/>
      <c r="AT40" s="283"/>
    </row>
    <row r="41" spans="1:48" s="1218" customFormat="1" ht="15" customHeight="1" x14ac:dyDescent="0.15">
      <c r="A41" s="44">
        <v>32</v>
      </c>
      <c r="B41" s="64" t="s">
        <v>32</v>
      </c>
      <c r="C41" s="130">
        <v>964082303</v>
      </c>
      <c r="D41" s="473" t="s">
        <v>378</v>
      </c>
      <c r="E41" s="473" t="s">
        <v>379</v>
      </c>
      <c r="F41" s="473" t="s">
        <v>379</v>
      </c>
      <c r="G41" s="473" t="s">
        <v>379</v>
      </c>
      <c r="H41" s="473" t="s">
        <v>379</v>
      </c>
      <c r="I41" s="473" t="s">
        <v>379</v>
      </c>
      <c r="J41" s="474" t="s">
        <v>377</v>
      </c>
      <c r="K41" s="474" t="s">
        <v>377</v>
      </c>
      <c r="L41" s="138">
        <v>17421000</v>
      </c>
      <c r="M41" s="474" t="s">
        <v>486</v>
      </c>
      <c r="N41" s="475" t="s">
        <v>377</v>
      </c>
      <c r="O41" s="44">
        <v>32</v>
      </c>
      <c r="P41" s="64" t="s">
        <v>32</v>
      </c>
      <c r="Q41" s="483" t="s">
        <v>485</v>
      </c>
      <c r="R41" s="474" t="s">
        <v>378</v>
      </c>
      <c r="S41" s="478">
        <v>3224528766</v>
      </c>
      <c r="T41" s="480">
        <v>10346000</v>
      </c>
      <c r="U41" s="478">
        <v>28346000</v>
      </c>
      <c r="V41" s="130">
        <v>24909000</v>
      </c>
      <c r="W41" s="480">
        <v>10089000</v>
      </c>
      <c r="X41" s="155" t="s">
        <v>491</v>
      </c>
      <c r="Y41" s="130">
        <v>0</v>
      </c>
      <c r="Z41" s="480">
        <v>0</v>
      </c>
      <c r="AA41" s="158" t="s">
        <v>492</v>
      </c>
      <c r="AB41" s="197" t="s">
        <v>492</v>
      </c>
      <c r="AC41" s="44">
        <v>32</v>
      </c>
      <c r="AD41" s="64" t="s">
        <v>32</v>
      </c>
      <c r="AE41" s="130">
        <v>131880625</v>
      </c>
      <c r="AF41" s="130">
        <v>78301195</v>
      </c>
      <c r="AG41" s="138">
        <v>0</v>
      </c>
      <c r="AH41" s="480">
        <v>80669292</v>
      </c>
      <c r="AI41" s="478">
        <v>8763500</v>
      </c>
      <c r="AJ41" s="480">
        <v>13897000</v>
      </c>
      <c r="AK41" s="130">
        <v>128375170</v>
      </c>
      <c r="AL41" s="480">
        <v>0</v>
      </c>
      <c r="AM41" s="480">
        <v>20145959</v>
      </c>
      <c r="AN41" s="486">
        <v>4741754810</v>
      </c>
      <c r="AO41" s="130">
        <v>0</v>
      </c>
      <c r="AP41" s="130">
        <v>3425672</v>
      </c>
      <c r="AQ41" s="130">
        <v>0</v>
      </c>
      <c r="AR41" s="453">
        <v>4745180482</v>
      </c>
      <c r="AS41" s="283"/>
      <c r="AT41" s="283"/>
    </row>
    <row r="42" spans="1:48" s="1218" customFormat="1" ht="15" customHeight="1" thickBot="1" x14ac:dyDescent="0.2">
      <c r="A42" s="44">
        <v>33</v>
      </c>
      <c r="B42" s="64" t="s">
        <v>33</v>
      </c>
      <c r="C42" s="130">
        <v>64618255</v>
      </c>
      <c r="D42" s="473" t="s">
        <v>378</v>
      </c>
      <c r="E42" s="473" t="s">
        <v>379</v>
      </c>
      <c r="F42" s="473" t="s">
        <v>379</v>
      </c>
      <c r="G42" s="473" t="s">
        <v>379</v>
      </c>
      <c r="H42" s="473" t="s">
        <v>379</v>
      </c>
      <c r="I42" s="473" t="s">
        <v>379</v>
      </c>
      <c r="J42" s="474" t="s">
        <v>377</v>
      </c>
      <c r="K42" s="474" t="s">
        <v>377</v>
      </c>
      <c r="L42" s="138">
        <v>709000</v>
      </c>
      <c r="M42" s="474" t="s">
        <v>485</v>
      </c>
      <c r="N42" s="475" t="s">
        <v>377</v>
      </c>
      <c r="O42" s="44">
        <v>33</v>
      </c>
      <c r="P42" s="64" t="s">
        <v>33</v>
      </c>
      <c r="Q42" s="494" t="s">
        <v>485</v>
      </c>
      <c r="R42" s="494" t="s">
        <v>378</v>
      </c>
      <c r="S42" s="478">
        <v>251138222</v>
      </c>
      <c r="T42" s="480">
        <v>838000</v>
      </c>
      <c r="U42" s="478">
        <v>957000</v>
      </c>
      <c r="V42" s="130">
        <v>20550000</v>
      </c>
      <c r="W42" s="480">
        <v>1138000</v>
      </c>
      <c r="X42" s="155" t="s">
        <v>491</v>
      </c>
      <c r="Y42" s="130">
        <v>0</v>
      </c>
      <c r="Z42" s="480">
        <v>0</v>
      </c>
      <c r="AA42" s="158" t="s">
        <v>493</v>
      </c>
      <c r="AB42" s="197" t="s">
        <v>493</v>
      </c>
      <c r="AC42" s="44">
        <v>33</v>
      </c>
      <c r="AD42" s="64" t="s">
        <v>33</v>
      </c>
      <c r="AE42" s="130">
        <v>7268866</v>
      </c>
      <c r="AF42" s="130">
        <v>4999241</v>
      </c>
      <c r="AG42" s="130">
        <v>0</v>
      </c>
      <c r="AH42" s="480">
        <v>18964898</v>
      </c>
      <c r="AI42" s="478">
        <v>280000</v>
      </c>
      <c r="AJ42" s="480">
        <v>1423913</v>
      </c>
      <c r="AK42" s="130">
        <v>0</v>
      </c>
      <c r="AL42" s="480">
        <v>0</v>
      </c>
      <c r="AM42" s="480">
        <v>19288</v>
      </c>
      <c r="AN42" s="486">
        <v>372904683</v>
      </c>
      <c r="AO42" s="130">
        <v>625759</v>
      </c>
      <c r="AP42" s="130">
        <v>10450282</v>
      </c>
      <c r="AQ42" s="130">
        <v>0</v>
      </c>
      <c r="AR42" s="453">
        <v>383980724</v>
      </c>
      <c r="AS42" s="283"/>
      <c r="AT42" s="283"/>
    </row>
    <row r="43" spans="1:48" s="1218" customFormat="1" ht="15" customHeight="1" thickTop="1" thickBot="1" x14ac:dyDescent="0.2">
      <c r="A43" s="1553" t="s">
        <v>38</v>
      </c>
      <c r="B43" s="1554"/>
      <c r="C43" s="58">
        <v>186067595347</v>
      </c>
      <c r="D43" s="58">
        <v>0</v>
      </c>
      <c r="E43" s="58">
        <v>0</v>
      </c>
      <c r="F43" s="58">
        <v>0</v>
      </c>
      <c r="G43" s="58">
        <v>0</v>
      </c>
      <c r="H43" s="58">
        <v>0</v>
      </c>
      <c r="I43" s="58">
        <v>0</v>
      </c>
      <c r="J43" s="58">
        <v>0</v>
      </c>
      <c r="K43" s="58">
        <v>0</v>
      </c>
      <c r="L43" s="58">
        <v>2591717000</v>
      </c>
      <c r="M43" s="58">
        <v>0</v>
      </c>
      <c r="N43" s="200">
        <v>0</v>
      </c>
      <c r="O43" s="1553" t="s">
        <v>38</v>
      </c>
      <c r="P43" s="1554"/>
      <c r="Q43" s="58">
        <v>0</v>
      </c>
      <c r="R43" s="58">
        <v>0</v>
      </c>
      <c r="S43" s="58">
        <v>527160203239</v>
      </c>
      <c r="T43" s="58">
        <v>2610606000</v>
      </c>
      <c r="U43" s="58">
        <v>3879194000</v>
      </c>
      <c r="V43" s="58">
        <v>4279091000</v>
      </c>
      <c r="W43" s="58">
        <v>1459201000</v>
      </c>
      <c r="X43" s="141" t="s">
        <v>491</v>
      </c>
      <c r="Y43" s="58">
        <v>61588774</v>
      </c>
      <c r="Z43" s="58">
        <v>0</v>
      </c>
      <c r="AA43" s="141" t="s">
        <v>491</v>
      </c>
      <c r="AB43" s="199" t="s">
        <v>491</v>
      </c>
      <c r="AC43" s="1553" t="s">
        <v>38</v>
      </c>
      <c r="AD43" s="1554"/>
      <c r="AE43" s="58">
        <v>21716248173</v>
      </c>
      <c r="AF43" s="58">
        <v>14174975084</v>
      </c>
      <c r="AG43" s="58">
        <v>0</v>
      </c>
      <c r="AH43" s="495">
        <v>13074644994</v>
      </c>
      <c r="AI43" s="496">
        <v>1574361336</v>
      </c>
      <c r="AJ43" s="58">
        <v>1662981351</v>
      </c>
      <c r="AK43" s="58">
        <v>17199428666</v>
      </c>
      <c r="AL43" s="58">
        <v>0</v>
      </c>
      <c r="AM43" s="58">
        <v>3393186421</v>
      </c>
      <c r="AN43" s="58">
        <v>800905022385</v>
      </c>
      <c r="AO43" s="58">
        <v>1107958759</v>
      </c>
      <c r="AP43" s="58">
        <v>10325088980</v>
      </c>
      <c r="AQ43" s="58">
        <v>31000000</v>
      </c>
      <c r="AR43" s="200">
        <v>812369070124</v>
      </c>
      <c r="AS43" s="283"/>
      <c r="AT43" s="283"/>
    </row>
    <row r="44" spans="1:48" s="1218" customFormat="1" ht="15" customHeight="1" thickTop="1" x14ac:dyDescent="0.15">
      <c r="A44" s="44">
        <v>301</v>
      </c>
      <c r="B44" s="55" t="s">
        <v>302</v>
      </c>
      <c r="C44" s="138">
        <v>3245071000</v>
      </c>
      <c r="D44" s="138">
        <v>10748647</v>
      </c>
      <c r="E44" s="138">
        <v>412252784</v>
      </c>
      <c r="F44" s="138">
        <v>9119000</v>
      </c>
      <c r="G44" s="138">
        <v>2988000</v>
      </c>
      <c r="H44" s="473" t="s">
        <v>379</v>
      </c>
      <c r="I44" s="473" t="s">
        <v>379</v>
      </c>
      <c r="J44" s="129">
        <v>5560000</v>
      </c>
      <c r="K44" s="497">
        <v>12665000</v>
      </c>
      <c r="L44" s="138">
        <v>453333431</v>
      </c>
      <c r="M44" s="474" t="s">
        <v>485</v>
      </c>
      <c r="N44" s="498">
        <v>0</v>
      </c>
      <c r="O44" s="44">
        <v>301</v>
      </c>
      <c r="P44" s="55" t="s">
        <v>309</v>
      </c>
      <c r="Q44" s="477" t="s">
        <v>485</v>
      </c>
      <c r="R44" s="477" t="s">
        <v>378</v>
      </c>
      <c r="S44" s="477" t="s">
        <v>378</v>
      </c>
      <c r="T44" s="477" t="s">
        <v>378</v>
      </c>
      <c r="U44" s="477" t="s">
        <v>378</v>
      </c>
      <c r="V44" s="138">
        <v>0</v>
      </c>
      <c r="W44" s="129">
        <v>0</v>
      </c>
      <c r="X44" s="155" t="s">
        <v>491</v>
      </c>
      <c r="Y44" s="138">
        <v>0</v>
      </c>
      <c r="Z44" s="233" t="s">
        <v>491</v>
      </c>
      <c r="AA44" s="485">
        <v>145156000</v>
      </c>
      <c r="AB44" s="197" t="s">
        <v>491</v>
      </c>
      <c r="AC44" s="44">
        <v>301</v>
      </c>
      <c r="AD44" s="55" t="s">
        <v>193</v>
      </c>
      <c r="AE44" s="138">
        <v>0</v>
      </c>
      <c r="AF44" s="138">
        <v>0</v>
      </c>
      <c r="AG44" s="138">
        <v>0</v>
      </c>
      <c r="AH44" s="138">
        <v>0</v>
      </c>
      <c r="AI44" s="138">
        <v>0</v>
      </c>
      <c r="AJ44" s="138">
        <v>0</v>
      </c>
      <c r="AK44" s="138">
        <v>0</v>
      </c>
      <c r="AL44" s="138">
        <v>0</v>
      </c>
      <c r="AM44" s="129">
        <v>7181414</v>
      </c>
      <c r="AN44" s="485">
        <v>3850741845</v>
      </c>
      <c r="AO44" s="138">
        <v>0</v>
      </c>
      <c r="AP44" s="138">
        <v>1357879167</v>
      </c>
      <c r="AQ44" s="138">
        <v>0</v>
      </c>
      <c r="AR44" s="482">
        <v>5208621012</v>
      </c>
      <c r="AS44" s="283"/>
      <c r="AT44" s="283"/>
      <c r="AV44" s="1223"/>
    </row>
    <row r="45" spans="1:48" s="1218" customFormat="1" ht="15" customHeight="1" x14ac:dyDescent="0.15">
      <c r="A45" s="44">
        <v>302</v>
      </c>
      <c r="B45" s="56" t="s">
        <v>303</v>
      </c>
      <c r="C45" s="138">
        <v>3967860900</v>
      </c>
      <c r="D45" s="138">
        <v>13157765</v>
      </c>
      <c r="E45" s="138">
        <v>838088833</v>
      </c>
      <c r="F45" s="138">
        <v>7432000</v>
      </c>
      <c r="G45" s="138">
        <v>2016000</v>
      </c>
      <c r="H45" s="473" t="s">
        <v>379</v>
      </c>
      <c r="I45" s="473" t="s">
        <v>379</v>
      </c>
      <c r="J45" s="129">
        <v>25515000</v>
      </c>
      <c r="K45" s="497">
        <v>7793000</v>
      </c>
      <c r="L45" s="138">
        <v>894002598</v>
      </c>
      <c r="M45" s="474" t="s">
        <v>485</v>
      </c>
      <c r="N45" s="498">
        <v>0</v>
      </c>
      <c r="O45" s="44">
        <v>302</v>
      </c>
      <c r="P45" s="56" t="s">
        <v>310</v>
      </c>
      <c r="Q45" s="474" t="s">
        <v>485</v>
      </c>
      <c r="R45" s="474" t="s">
        <v>378</v>
      </c>
      <c r="S45" s="474" t="s">
        <v>378</v>
      </c>
      <c r="T45" s="474" t="s">
        <v>378</v>
      </c>
      <c r="U45" s="474" t="s">
        <v>378</v>
      </c>
      <c r="V45" s="138">
        <v>0</v>
      </c>
      <c r="W45" s="129">
        <v>0</v>
      </c>
      <c r="X45" s="155" t="s">
        <v>491</v>
      </c>
      <c r="Y45" s="138">
        <v>0</v>
      </c>
      <c r="Z45" s="158" t="s">
        <v>494</v>
      </c>
      <c r="AA45" s="485">
        <v>106032000</v>
      </c>
      <c r="AB45" s="197" t="s">
        <v>494</v>
      </c>
      <c r="AC45" s="44">
        <v>302</v>
      </c>
      <c r="AD45" s="56" t="s">
        <v>194</v>
      </c>
      <c r="AE45" s="138">
        <v>0</v>
      </c>
      <c r="AF45" s="138">
        <v>0</v>
      </c>
      <c r="AG45" s="138">
        <v>0</v>
      </c>
      <c r="AH45" s="138">
        <v>0</v>
      </c>
      <c r="AI45" s="138">
        <v>0</v>
      </c>
      <c r="AJ45" s="138">
        <v>0</v>
      </c>
      <c r="AK45" s="138">
        <v>0</v>
      </c>
      <c r="AL45" s="138">
        <v>0</v>
      </c>
      <c r="AM45" s="129">
        <v>3864965</v>
      </c>
      <c r="AN45" s="485">
        <v>4971760463</v>
      </c>
      <c r="AO45" s="138">
        <v>0</v>
      </c>
      <c r="AP45" s="138">
        <v>990000000</v>
      </c>
      <c r="AQ45" s="138">
        <v>0</v>
      </c>
      <c r="AR45" s="453">
        <v>5961760463</v>
      </c>
      <c r="AS45" s="283"/>
      <c r="AT45" s="283"/>
      <c r="AV45" s="1223"/>
    </row>
    <row r="46" spans="1:48" s="1218" customFormat="1" ht="15" customHeight="1" x14ac:dyDescent="0.15">
      <c r="A46" s="44">
        <v>303</v>
      </c>
      <c r="B46" s="56" t="s">
        <v>304</v>
      </c>
      <c r="C46" s="138">
        <v>2273448600</v>
      </c>
      <c r="D46" s="138">
        <v>13775395</v>
      </c>
      <c r="E46" s="138">
        <v>1903097431</v>
      </c>
      <c r="F46" s="138">
        <v>21779000</v>
      </c>
      <c r="G46" s="138">
        <v>2337000</v>
      </c>
      <c r="H46" s="473" t="s">
        <v>379</v>
      </c>
      <c r="I46" s="473" t="s">
        <v>379</v>
      </c>
      <c r="J46" s="129">
        <v>5145000</v>
      </c>
      <c r="K46" s="497">
        <v>7393000</v>
      </c>
      <c r="L46" s="138">
        <v>1953526826</v>
      </c>
      <c r="M46" s="474" t="s">
        <v>485</v>
      </c>
      <c r="N46" s="498">
        <v>496610</v>
      </c>
      <c r="O46" s="44">
        <v>303</v>
      </c>
      <c r="P46" s="56" t="s">
        <v>311</v>
      </c>
      <c r="Q46" s="474" t="s">
        <v>485</v>
      </c>
      <c r="R46" s="474" t="s">
        <v>378</v>
      </c>
      <c r="S46" s="474" t="s">
        <v>378</v>
      </c>
      <c r="T46" s="474" t="s">
        <v>378</v>
      </c>
      <c r="U46" s="474" t="s">
        <v>378</v>
      </c>
      <c r="V46" s="138">
        <v>0</v>
      </c>
      <c r="W46" s="129">
        <v>2620000</v>
      </c>
      <c r="X46" s="155" t="s">
        <v>491</v>
      </c>
      <c r="Y46" s="138">
        <v>0</v>
      </c>
      <c r="Z46" s="158" t="s">
        <v>494</v>
      </c>
      <c r="AA46" s="485">
        <v>78330000</v>
      </c>
      <c r="AB46" s="197" t="s">
        <v>491</v>
      </c>
      <c r="AC46" s="44">
        <v>303</v>
      </c>
      <c r="AD46" s="56" t="s">
        <v>195</v>
      </c>
      <c r="AE46" s="138">
        <v>0</v>
      </c>
      <c r="AF46" s="138">
        <v>0</v>
      </c>
      <c r="AG46" s="138">
        <v>0</v>
      </c>
      <c r="AH46" s="138">
        <v>0</v>
      </c>
      <c r="AI46" s="138">
        <v>0</v>
      </c>
      <c r="AJ46" s="138">
        <v>0</v>
      </c>
      <c r="AK46" s="138">
        <v>0</v>
      </c>
      <c r="AL46" s="138">
        <v>0</v>
      </c>
      <c r="AM46" s="129">
        <v>10353656</v>
      </c>
      <c r="AN46" s="485">
        <v>4318775692</v>
      </c>
      <c r="AO46" s="138">
        <v>12000000</v>
      </c>
      <c r="AP46" s="138">
        <v>348715252</v>
      </c>
      <c r="AQ46" s="138">
        <v>0</v>
      </c>
      <c r="AR46" s="453">
        <v>4679490944</v>
      </c>
      <c r="AS46" s="283"/>
      <c r="AT46" s="283"/>
      <c r="AV46" s="1223"/>
    </row>
    <row r="47" spans="1:48" s="1218" customFormat="1" ht="15" customHeight="1" x14ac:dyDescent="0.15">
      <c r="A47" s="44">
        <v>304</v>
      </c>
      <c r="B47" s="56" t="s">
        <v>305</v>
      </c>
      <c r="C47" s="138">
        <v>976242100</v>
      </c>
      <c r="D47" s="138">
        <v>4758004</v>
      </c>
      <c r="E47" s="138">
        <v>200392752</v>
      </c>
      <c r="F47" s="138">
        <v>1189000</v>
      </c>
      <c r="G47" s="138">
        <v>408000</v>
      </c>
      <c r="H47" s="473" t="s">
        <v>379</v>
      </c>
      <c r="I47" s="473" t="s">
        <v>379</v>
      </c>
      <c r="J47" s="129">
        <v>4515000</v>
      </c>
      <c r="K47" s="497">
        <v>0</v>
      </c>
      <c r="L47" s="138">
        <v>211262756</v>
      </c>
      <c r="M47" s="474" t="s">
        <v>485</v>
      </c>
      <c r="N47" s="498">
        <v>0</v>
      </c>
      <c r="O47" s="44">
        <v>304</v>
      </c>
      <c r="P47" s="56" t="s">
        <v>312</v>
      </c>
      <c r="Q47" s="474" t="s">
        <v>485</v>
      </c>
      <c r="R47" s="474" t="s">
        <v>378</v>
      </c>
      <c r="S47" s="474" t="s">
        <v>378</v>
      </c>
      <c r="T47" s="474" t="s">
        <v>378</v>
      </c>
      <c r="U47" s="474" t="s">
        <v>378</v>
      </c>
      <c r="V47" s="138">
        <v>0</v>
      </c>
      <c r="W47" s="129">
        <v>0</v>
      </c>
      <c r="X47" s="155" t="s">
        <v>491</v>
      </c>
      <c r="Y47" s="138">
        <v>0</v>
      </c>
      <c r="Z47" s="158" t="s">
        <v>494</v>
      </c>
      <c r="AA47" s="485">
        <v>17579000</v>
      </c>
      <c r="AB47" s="197" t="s">
        <v>491</v>
      </c>
      <c r="AC47" s="44">
        <v>304</v>
      </c>
      <c r="AD47" s="56" t="s">
        <v>196</v>
      </c>
      <c r="AE47" s="138">
        <v>0</v>
      </c>
      <c r="AF47" s="138">
        <v>0</v>
      </c>
      <c r="AG47" s="138">
        <v>0</v>
      </c>
      <c r="AH47" s="138">
        <v>0</v>
      </c>
      <c r="AI47" s="138">
        <v>0</v>
      </c>
      <c r="AJ47" s="138">
        <v>0</v>
      </c>
      <c r="AK47" s="138">
        <v>0</v>
      </c>
      <c r="AL47" s="138">
        <v>0</v>
      </c>
      <c r="AM47" s="129">
        <v>6352263</v>
      </c>
      <c r="AN47" s="485">
        <v>1211436119</v>
      </c>
      <c r="AO47" s="138">
        <v>0</v>
      </c>
      <c r="AP47" s="138">
        <v>354383818</v>
      </c>
      <c r="AQ47" s="138">
        <v>0</v>
      </c>
      <c r="AR47" s="453">
        <v>1565819937</v>
      </c>
      <c r="AS47" s="283"/>
      <c r="AT47" s="283"/>
      <c r="AV47" s="1223"/>
    </row>
    <row r="48" spans="1:48" s="1218" customFormat="1" ht="15" customHeight="1" x14ac:dyDescent="0.15">
      <c r="A48" s="44">
        <v>305</v>
      </c>
      <c r="B48" s="56" t="s">
        <v>306</v>
      </c>
      <c r="C48" s="138">
        <v>1446550500</v>
      </c>
      <c r="D48" s="138">
        <v>9618011</v>
      </c>
      <c r="E48" s="138">
        <v>931487595</v>
      </c>
      <c r="F48" s="138">
        <v>8696000</v>
      </c>
      <c r="G48" s="138">
        <v>1403000</v>
      </c>
      <c r="H48" s="473" t="s">
        <v>379</v>
      </c>
      <c r="I48" s="473" t="s">
        <v>379</v>
      </c>
      <c r="J48" s="129">
        <v>3990000</v>
      </c>
      <c r="K48" s="497">
        <v>0</v>
      </c>
      <c r="L48" s="138">
        <v>955194606</v>
      </c>
      <c r="M48" s="474" t="s">
        <v>485</v>
      </c>
      <c r="N48" s="498">
        <v>0</v>
      </c>
      <c r="O48" s="44">
        <v>305</v>
      </c>
      <c r="P48" s="56" t="s">
        <v>313</v>
      </c>
      <c r="Q48" s="474" t="s">
        <v>485</v>
      </c>
      <c r="R48" s="474" t="s">
        <v>378</v>
      </c>
      <c r="S48" s="474" t="s">
        <v>378</v>
      </c>
      <c r="T48" s="474" t="s">
        <v>378</v>
      </c>
      <c r="U48" s="474" t="s">
        <v>378</v>
      </c>
      <c r="V48" s="138">
        <v>0</v>
      </c>
      <c r="W48" s="129">
        <v>1675000</v>
      </c>
      <c r="X48" s="155" t="s">
        <v>491</v>
      </c>
      <c r="Y48" s="138">
        <v>0</v>
      </c>
      <c r="Z48" s="158" t="s">
        <v>494</v>
      </c>
      <c r="AA48" s="485">
        <v>37027000</v>
      </c>
      <c r="AB48" s="197" t="s">
        <v>495</v>
      </c>
      <c r="AC48" s="44">
        <v>305</v>
      </c>
      <c r="AD48" s="56" t="s">
        <v>197</v>
      </c>
      <c r="AE48" s="138">
        <v>0</v>
      </c>
      <c r="AF48" s="138">
        <v>0</v>
      </c>
      <c r="AG48" s="138">
        <v>0</v>
      </c>
      <c r="AH48" s="138">
        <v>0</v>
      </c>
      <c r="AI48" s="138">
        <v>0</v>
      </c>
      <c r="AJ48" s="138">
        <v>0</v>
      </c>
      <c r="AK48" s="138">
        <v>0</v>
      </c>
      <c r="AL48" s="138">
        <v>0</v>
      </c>
      <c r="AM48" s="129">
        <v>7109383</v>
      </c>
      <c r="AN48" s="485">
        <v>2447556489</v>
      </c>
      <c r="AO48" s="138">
        <v>0</v>
      </c>
      <c r="AP48" s="138">
        <v>939277210</v>
      </c>
      <c r="AQ48" s="138">
        <v>0</v>
      </c>
      <c r="AR48" s="453">
        <v>3386833699</v>
      </c>
      <c r="AS48" s="283"/>
      <c r="AT48" s="283"/>
      <c r="AV48" s="1223"/>
    </row>
    <row r="49" spans="1:48" s="1218" customFormat="1" ht="15" customHeight="1" thickBot="1" x14ac:dyDescent="0.2">
      <c r="A49" s="54">
        <v>306</v>
      </c>
      <c r="B49" s="57" t="s">
        <v>307</v>
      </c>
      <c r="C49" s="128">
        <v>9628487175</v>
      </c>
      <c r="D49" s="128">
        <v>73701529</v>
      </c>
      <c r="E49" s="128">
        <v>12838458550</v>
      </c>
      <c r="F49" s="128">
        <v>126905000</v>
      </c>
      <c r="G49" s="128">
        <v>17512000</v>
      </c>
      <c r="H49" s="473" t="s">
        <v>379</v>
      </c>
      <c r="I49" s="473" t="s">
        <v>379</v>
      </c>
      <c r="J49" s="499">
        <v>66535000</v>
      </c>
      <c r="K49" s="500">
        <v>2138366000</v>
      </c>
      <c r="L49" s="128">
        <v>15261478079</v>
      </c>
      <c r="M49" s="474" t="s">
        <v>485</v>
      </c>
      <c r="N49" s="501">
        <v>0</v>
      </c>
      <c r="O49" s="54">
        <v>306</v>
      </c>
      <c r="P49" s="57" t="s">
        <v>314</v>
      </c>
      <c r="Q49" s="474" t="s">
        <v>485</v>
      </c>
      <c r="R49" s="474" t="s">
        <v>378</v>
      </c>
      <c r="S49" s="494" t="s">
        <v>378</v>
      </c>
      <c r="T49" s="494" t="s">
        <v>378</v>
      </c>
      <c r="U49" s="474" t="s">
        <v>378</v>
      </c>
      <c r="V49" s="128">
        <v>0</v>
      </c>
      <c r="W49" s="129">
        <v>0</v>
      </c>
      <c r="X49" s="157" t="s">
        <v>491</v>
      </c>
      <c r="Y49" s="128">
        <v>23436000</v>
      </c>
      <c r="Z49" s="234" t="s">
        <v>491</v>
      </c>
      <c r="AA49" s="502">
        <v>469044000</v>
      </c>
      <c r="AB49" s="195" t="s">
        <v>491</v>
      </c>
      <c r="AC49" s="54">
        <v>306</v>
      </c>
      <c r="AD49" s="57" t="s">
        <v>198</v>
      </c>
      <c r="AE49" s="128">
        <v>0</v>
      </c>
      <c r="AF49" s="128">
        <v>0</v>
      </c>
      <c r="AG49" s="128">
        <v>0</v>
      </c>
      <c r="AH49" s="128">
        <v>0</v>
      </c>
      <c r="AI49" s="128">
        <v>0</v>
      </c>
      <c r="AJ49" s="128">
        <v>0</v>
      </c>
      <c r="AK49" s="128">
        <v>0</v>
      </c>
      <c r="AL49" s="128">
        <v>0</v>
      </c>
      <c r="AM49" s="499">
        <v>121306724</v>
      </c>
      <c r="AN49" s="502">
        <v>25503751978</v>
      </c>
      <c r="AO49" s="128">
        <v>5180070</v>
      </c>
      <c r="AP49" s="128">
        <v>2018454346</v>
      </c>
      <c r="AQ49" s="128">
        <v>0</v>
      </c>
      <c r="AR49" s="462">
        <v>27527386394</v>
      </c>
      <c r="AS49" s="283"/>
      <c r="AT49" s="283"/>
      <c r="AV49" s="1223"/>
    </row>
    <row r="50" spans="1:48" s="1218" customFormat="1" ht="15" customHeight="1" thickTop="1" thickBot="1" x14ac:dyDescent="0.2">
      <c r="A50" s="1555" t="s">
        <v>308</v>
      </c>
      <c r="B50" s="1556"/>
      <c r="C50" s="503">
        <v>21537660275</v>
      </c>
      <c r="D50" s="503">
        <v>125759351</v>
      </c>
      <c r="E50" s="503">
        <v>17123777945</v>
      </c>
      <c r="F50" s="503">
        <v>175120000</v>
      </c>
      <c r="G50" s="503">
        <v>26664000</v>
      </c>
      <c r="H50" s="503">
        <v>0</v>
      </c>
      <c r="I50" s="503">
        <v>0</v>
      </c>
      <c r="J50" s="503">
        <v>111260000</v>
      </c>
      <c r="K50" s="503">
        <v>2166217000</v>
      </c>
      <c r="L50" s="503">
        <v>19728798296</v>
      </c>
      <c r="M50" s="503">
        <v>0</v>
      </c>
      <c r="N50" s="504">
        <v>496610</v>
      </c>
      <c r="O50" s="1555" t="s">
        <v>315</v>
      </c>
      <c r="P50" s="1556"/>
      <c r="Q50" s="505">
        <v>0</v>
      </c>
      <c r="R50" s="505">
        <v>0</v>
      </c>
      <c r="S50" s="505">
        <v>0</v>
      </c>
      <c r="T50" s="505">
        <v>0</v>
      </c>
      <c r="U50" s="505">
        <v>0</v>
      </c>
      <c r="V50" s="505">
        <v>0</v>
      </c>
      <c r="W50" s="503">
        <v>4295000</v>
      </c>
      <c r="X50" s="505">
        <v>0</v>
      </c>
      <c r="Y50" s="503">
        <v>23436000</v>
      </c>
      <c r="Z50" s="505">
        <v>0</v>
      </c>
      <c r="AA50" s="503">
        <v>853168000</v>
      </c>
      <c r="AB50" s="504">
        <v>0</v>
      </c>
      <c r="AC50" s="1555" t="s">
        <v>199</v>
      </c>
      <c r="AD50" s="1556"/>
      <c r="AE50" s="503">
        <v>0</v>
      </c>
      <c r="AF50" s="503">
        <v>0</v>
      </c>
      <c r="AG50" s="503">
        <v>0</v>
      </c>
      <c r="AH50" s="503">
        <v>0</v>
      </c>
      <c r="AI50" s="503">
        <v>0</v>
      </c>
      <c r="AJ50" s="503">
        <v>0</v>
      </c>
      <c r="AK50" s="503">
        <v>0</v>
      </c>
      <c r="AL50" s="503">
        <v>0</v>
      </c>
      <c r="AM50" s="503">
        <v>156168405</v>
      </c>
      <c r="AN50" s="503">
        <v>42304022586</v>
      </c>
      <c r="AO50" s="503">
        <v>17180070</v>
      </c>
      <c r="AP50" s="503">
        <v>6008709793</v>
      </c>
      <c r="AQ50" s="503">
        <v>0</v>
      </c>
      <c r="AR50" s="504">
        <v>48329912449</v>
      </c>
      <c r="AS50" s="283"/>
      <c r="AT50" s="283"/>
      <c r="AV50" s="1223"/>
    </row>
    <row r="51" spans="1:48" s="1218" customFormat="1" ht="5.25" customHeight="1" x14ac:dyDescent="0.15">
      <c r="C51" s="1224"/>
      <c r="D51" s="159"/>
      <c r="E51" s="159"/>
      <c r="F51" s="159"/>
      <c r="G51" s="159"/>
      <c r="H51" s="159"/>
      <c r="I51" s="159"/>
      <c r="J51" s="159"/>
      <c r="K51" s="159"/>
      <c r="L51" s="159"/>
      <c r="M51" s="159"/>
      <c r="N51" s="159"/>
      <c r="O51" s="159"/>
      <c r="P51" s="159"/>
      <c r="Q51" s="1224"/>
      <c r="R51" s="159"/>
      <c r="S51" s="159"/>
      <c r="T51" s="159"/>
      <c r="U51" s="159"/>
      <c r="V51" s="159"/>
      <c r="W51" s="159"/>
      <c r="X51" s="159"/>
      <c r="Y51" s="159"/>
      <c r="Z51" s="159"/>
      <c r="AA51" s="159"/>
      <c r="AB51" s="160"/>
      <c r="AC51" s="159"/>
      <c r="AD51" s="159"/>
      <c r="AE51" s="159"/>
      <c r="AF51" s="159"/>
      <c r="AG51" s="159"/>
      <c r="AH51" s="159"/>
      <c r="AI51" s="159"/>
      <c r="AJ51" s="159"/>
      <c r="AK51" s="159"/>
      <c r="AL51" s="159"/>
      <c r="AM51" s="159"/>
      <c r="AN51" s="159"/>
      <c r="AO51" s="159"/>
      <c r="AP51" s="159"/>
      <c r="AQ51" s="159"/>
      <c r="AR51" s="159"/>
      <c r="AS51" s="283"/>
      <c r="AT51" s="283"/>
    </row>
    <row r="52" spans="1:48" s="1225" customFormat="1" ht="16.5" customHeight="1" x14ac:dyDescent="0.15">
      <c r="B52" s="62"/>
      <c r="C52" s="161"/>
      <c r="D52" s="161"/>
      <c r="E52" s="161"/>
      <c r="F52" s="161"/>
      <c r="G52" s="161"/>
      <c r="H52" s="161"/>
      <c r="I52" s="161"/>
      <c r="J52" s="161"/>
      <c r="K52" s="161"/>
      <c r="L52" s="161"/>
      <c r="M52" s="161"/>
      <c r="N52" s="161"/>
      <c r="O52" s="161"/>
      <c r="P52" s="161"/>
      <c r="Q52" s="161"/>
      <c r="R52" s="161"/>
      <c r="S52" s="161"/>
      <c r="T52" s="161"/>
      <c r="U52" s="161"/>
      <c r="V52" s="161"/>
      <c r="W52" s="161"/>
      <c r="X52" s="161"/>
      <c r="Y52" s="161"/>
      <c r="Z52" s="161"/>
      <c r="AA52" s="161"/>
      <c r="AB52" s="161"/>
      <c r="AC52" s="161"/>
      <c r="AD52" s="161"/>
      <c r="AE52" s="161"/>
      <c r="AF52" s="161"/>
      <c r="AG52" s="161"/>
      <c r="AH52" s="161"/>
      <c r="AI52" s="161"/>
      <c r="AJ52" s="161"/>
      <c r="AK52" s="161"/>
      <c r="AL52" s="161"/>
      <c r="AM52" s="161"/>
      <c r="AN52" s="161"/>
      <c r="AO52" s="161"/>
      <c r="AP52" s="161"/>
      <c r="AQ52" s="161"/>
      <c r="AR52" s="161"/>
      <c r="AS52" s="1226"/>
      <c r="AT52" s="1226"/>
    </row>
    <row r="53" spans="1:48" s="1227" customFormat="1" ht="15" customHeight="1" x14ac:dyDescent="0.15">
      <c r="C53" s="161"/>
      <c r="D53" s="161"/>
      <c r="E53" s="161"/>
      <c r="F53" s="161"/>
      <c r="G53" s="161"/>
      <c r="H53" s="161"/>
      <c r="I53" s="161"/>
      <c r="J53" s="161"/>
      <c r="K53" s="161"/>
      <c r="L53" s="161"/>
      <c r="M53" s="161"/>
      <c r="N53" s="161"/>
      <c r="O53" s="161"/>
      <c r="P53" s="161"/>
      <c r="Q53" s="161"/>
      <c r="R53" s="161"/>
      <c r="S53" s="161"/>
      <c r="T53" s="161"/>
      <c r="U53" s="161"/>
      <c r="V53" s="161"/>
      <c r="W53" s="161"/>
      <c r="X53" s="161"/>
      <c r="Y53" s="161"/>
      <c r="Z53" s="161"/>
      <c r="AA53" s="161"/>
      <c r="AB53" s="161"/>
      <c r="AC53" s="161"/>
      <c r="AD53" s="161"/>
      <c r="AE53" s="161"/>
      <c r="AF53" s="161"/>
      <c r="AG53" s="161"/>
      <c r="AH53" s="161"/>
      <c r="AI53" s="161"/>
      <c r="AJ53" s="161"/>
      <c r="AK53" s="161"/>
      <c r="AL53" s="161"/>
      <c r="AM53" s="161"/>
      <c r="AN53" s="161"/>
      <c r="AO53" s="161"/>
      <c r="AP53" s="161"/>
      <c r="AQ53" s="161"/>
      <c r="AR53" s="161"/>
      <c r="AS53" s="309"/>
      <c r="AT53" s="309"/>
    </row>
    <row r="54" spans="1:48" s="1227" customFormat="1" ht="15.75" customHeight="1" x14ac:dyDescent="0.15">
      <c r="C54" s="161"/>
      <c r="D54" s="161"/>
      <c r="E54" s="161"/>
      <c r="F54" s="161"/>
      <c r="G54" s="161"/>
      <c r="H54" s="161"/>
      <c r="I54" s="161"/>
      <c r="J54" s="161"/>
      <c r="K54" s="161"/>
      <c r="L54" s="161"/>
      <c r="M54" s="161"/>
      <c r="N54" s="161"/>
      <c r="O54" s="161"/>
      <c r="P54" s="161"/>
      <c r="Q54" s="161"/>
      <c r="R54" s="161"/>
      <c r="S54" s="161"/>
      <c r="T54" s="161"/>
      <c r="U54" s="161"/>
      <c r="V54" s="161"/>
      <c r="W54" s="161"/>
      <c r="X54" s="161"/>
      <c r="Y54" s="161"/>
      <c r="Z54" s="161"/>
      <c r="AA54" s="161"/>
      <c r="AB54" s="161"/>
      <c r="AC54" s="161"/>
      <c r="AD54" s="161"/>
      <c r="AE54" s="161"/>
      <c r="AF54" s="161"/>
      <c r="AG54" s="161"/>
      <c r="AH54" s="161"/>
      <c r="AI54" s="161"/>
      <c r="AJ54" s="161"/>
      <c r="AK54" s="161"/>
      <c r="AL54" s="161"/>
      <c r="AM54" s="161"/>
      <c r="AN54" s="161"/>
      <c r="AO54" s="161"/>
      <c r="AP54" s="161"/>
      <c r="AQ54" s="161"/>
      <c r="AR54" s="161"/>
      <c r="AS54" s="309"/>
      <c r="AT54" s="309"/>
    </row>
    <row r="55" spans="1:48" x14ac:dyDescent="0.15">
      <c r="C55" s="159"/>
      <c r="D55" s="159"/>
      <c r="E55" s="159"/>
      <c r="F55" s="159"/>
      <c r="G55" s="159"/>
      <c r="H55" s="159"/>
      <c r="I55" s="159"/>
      <c r="J55" s="159"/>
      <c r="K55" s="159"/>
      <c r="L55" s="159"/>
      <c r="M55" s="159"/>
      <c r="N55" s="159"/>
      <c r="O55" s="159"/>
      <c r="P55" s="159"/>
      <c r="Q55" s="159"/>
      <c r="R55" s="159"/>
      <c r="S55" s="159"/>
      <c r="T55" s="159"/>
      <c r="U55" s="159"/>
      <c r="V55" s="159"/>
      <c r="W55" s="159"/>
      <c r="X55" s="159"/>
      <c r="Y55" s="159"/>
      <c r="Z55" s="159"/>
      <c r="AA55" s="159"/>
      <c r="AB55" s="159"/>
      <c r="AC55" s="159"/>
      <c r="AD55" s="159"/>
      <c r="AE55" s="159"/>
      <c r="AF55" s="159"/>
      <c r="AG55" s="159"/>
      <c r="AH55" s="159"/>
      <c r="AI55" s="159"/>
      <c r="AJ55" s="159"/>
      <c r="AK55" s="159"/>
      <c r="AL55" s="159"/>
      <c r="AM55" s="159"/>
      <c r="AN55" s="159"/>
      <c r="AO55" s="159"/>
      <c r="AP55" s="159"/>
      <c r="AQ55" s="159"/>
      <c r="AR55" s="159"/>
    </row>
    <row r="56" spans="1:48" x14ac:dyDescent="0.15">
      <c r="C56" s="159"/>
      <c r="D56" s="159"/>
      <c r="E56" s="159"/>
      <c r="F56" s="159"/>
      <c r="G56" s="159"/>
      <c r="H56" s="159"/>
      <c r="I56" s="159"/>
      <c r="J56" s="159"/>
      <c r="K56" s="159"/>
      <c r="L56" s="159"/>
      <c r="M56" s="159"/>
      <c r="N56" s="159"/>
      <c r="O56" s="159"/>
      <c r="P56" s="159"/>
      <c r="Q56" s="159"/>
      <c r="R56" s="159"/>
      <c r="S56" s="159"/>
      <c r="T56" s="159"/>
      <c r="U56" s="159"/>
      <c r="V56" s="159"/>
      <c r="W56" s="159"/>
      <c r="X56" s="159"/>
      <c r="Y56" s="159"/>
      <c r="Z56" s="159"/>
      <c r="AA56" s="159"/>
      <c r="AB56" s="159"/>
      <c r="AC56" s="159"/>
      <c r="AD56" s="159"/>
      <c r="AE56" s="159"/>
      <c r="AF56" s="159"/>
      <c r="AG56" s="159"/>
      <c r="AH56" s="159"/>
      <c r="AI56" s="159"/>
      <c r="AJ56" s="159"/>
      <c r="AK56" s="159"/>
      <c r="AL56" s="159"/>
      <c r="AM56" s="159"/>
      <c r="AN56" s="159"/>
      <c r="AO56" s="159"/>
      <c r="AP56" s="159"/>
      <c r="AQ56" s="159"/>
      <c r="AR56" s="159"/>
    </row>
    <row r="57" spans="1:48" x14ac:dyDescent="0.15">
      <c r="C57" s="159"/>
      <c r="D57" s="159"/>
      <c r="E57" s="159"/>
      <c r="F57" s="159"/>
      <c r="G57" s="159"/>
      <c r="H57" s="159"/>
      <c r="I57" s="159"/>
      <c r="J57" s="159"/>
      <c r="K57" s="159"/>
      <c r="L57" s="159"/>
      <c r="M57" s="159"/>
      <c r="N57" s="159"/>
      <c r="O57" s="159"/>
      <c r="P57" s="159"/>
      <c r="Q57" s="159"/>
      <c r="R57" s="159"/>
      <c r="S57" s="159"/>
      <c r="T57" s="159"/>
      <c r="U57" s="159"/>
      <c r="V57" s="159"/>
      <c r="W57" s="159"/>
      <c r="X57" s="159"/>
      <c r="Y57" s="159"/>
      <c r="Z57" s="159"/>
      <c r="AA57" s="159"/>
      <c r="AB57" s="159"/>
      <c r="AC57" s="159"/>
      <c r="AD57" s="159"/>
      <c r="AE57" s="159"/>
      <c r="AF57" s="159"/>
      <c r="AG57" s="159"/>
      <c r="AH57" s="159"/>
      <c r="AI57" s="159"/>
      <c r="AJ57" s="159"/>
      <c r="AK57" s="159"/>
      <c r="AL57" s="159"/>
      <c r="AM57" s="159"/>
      <c r="AN57" s="159"/>
      <c r="AO57" s="159"/>
      <c r="AP57" s="159"/>
      <c r="AQ57" s="159"/>
      <c r="AR57" s="159"/>
    </row>
    <row r="58" spans="1:48" x14ac:dyDescent="0.15">
      <c r="C58" s="159"/>
      <c r="D58" s="159"/>
      <c r="E58" s="159"/>
      <c r="F58" s="159"/>
      <c r="G58" s="159"/>
      <c r="H58" s="159"/>
      <c r="I58" s="159"/>
      <c r="J58" s="159"/>
      <c r="K58" s="159"/>
      <c r="L58" s="159"/>
      <c r="M58" s="159"/>
      <c r="N58" s="159"/>
      <c r="O58" s="159"/>
      <c r="P58" s="159"/>
      <c r="Q58" s="159"/>
      <c r="R58" s="159"/>
      <c r="S58" s="159"/>
      <c r="T58" s="159"/>
      <c r="U58" s="159"/>
      <c r="V58" s="159"/>
      <c r="W58" s="159"/>
      <c r="X58" s="159"/>
      <c r="Y58" s="159"/>
      <c r="Z58" s="159"/>
      <c r="AA58" s="159"/>
      <c r="AB58" s="159"/>
      <c r="AC58" s="159"/>
      <c r="AD58" s="159"/>
      <c r="AE58" s="159"/>
      <c r="AF58" s="159"/>
      <c r="AG58" s="159"/>
      <c r="AH58" s="159"/>
      <c r="AI58" s="159"/>
      <c r="AJ58" s="159"/>
      <c r="AK58" s="159"/>
      <c r="AL58" s="159"/>
      <c r="AM58" s="159"/>
      <c r="AN58" s="159"/>
      <c r="AO58" s="159"/>
      <c r="AP58" s="159"/>
      <c r="AQ58" s="159"/>
      <c r="AR58" s="159"/>
    </row>
    <row r="59" spans="1:48" x14ac:dyDescent="0.15">
      <c r="AC59" s="159"/>
      <c r="AD59" s="159"/>
      <c r="AE59" s="159"/>
      <c r="AF59" s="159"/>
      <c r="AG59" s="159"/>
      <c r="AH59" s="159"/>
      <c r="AI59" s="159"/>
      <c r="AJ59" s="159"/>
      <c r="AK59" s="159"/>
      <c r="AL59" s="159"/>
      <c r="AM59" s="159"/>
      <c r="AN59" s="159"/>
      <c r="AO59" s="159"/>
      <c r="AP59" s="159"/>
      <c r="AQ59" s="159"/>
      <c r="AR59" s="159"/>
    </row>
    <row r="60" spans="1:48" x14ac:dyDescent="0.15">
      <c r="AC60" s="159"/>
      <c r="AD60" s="159"/>
      <c r="AE60" s="159"/>
      <c r="AF60" s="159"/>
      <c r="AG60" s="159"/>
      <c r="AH60" s="159"/>
      <c r="AI60" s="159"/>
      <c r="AJ60" s="159"/>
      <c r="AK60" s="159"/>
      <c r="AL60" s="159"/>
      <c r="AM60" s="159"/>
      <c r="AN60" s="159"/>
      <c r="AO60" s="159"/>
      <c r="AP60" s="159"/>
      <c r="AQ60" s="159"/>
      <c r="AR60" s="159"/>
    </row>
    <row r="61" spans="1:48" x14ac:dyDescent="0.15">
      <c r="AC61" s="159"/>
      <c r="AD61" s="159"/>
      <c r="AE61" s="159"/>
      <c r="AF61" s="159"/>
      <c r="AG61" s="159"/>
      <c r="AH61" s="159"/>
      <c r="AI61" s="159"/>
      <c r="AJ61" s="159"/>
      <c r="AK61" s="159"/>
      <c r="AL61" s="159"/>
      <c r="AM61" s="159"/>
      <c r="AN61" s="159"/>
      <c r="AO61" s="159"/>
      <c r="AP61" s="159"/>
      <c r="AQ61" s="159"/>
      <c r="AR61" s="159"/>
    </row>
    <row r="62" spans="1:48" x14ac:dyDescent="0.15">
      <c r="AC62" s="159"/>
      <c r="AD62" s="159"/>
      <c r="AE62" s="159"/>
      <c r="AF62" s="159"/>
      <c r="AG62" s="159"/>
      <c r="AH62" s="159"/>
      <c r="AI62" s="159"/>
      <c r="AJ62" s="159"/>
      <c r="AK62" s="159"/>
      <c r="AL62" s="159"/>
      <c r="AM62" s="159"/>
      <c r="AN62" s="159"/>
      <c r="AO62" s="159"/>
      <c r="AP62" s="159"/>
      <c r="AQ62" s="159"/>
      <c r="AR62" s="159"/>
    </row>
    <row r="63" spans="1:48" x14ac:dyDescent="0.15">
      <c r="AC63" s="159"/>
      <c r="AD63" s="159"/>
      <c r="AE63" s="159"/>
      <c r="AF63" s="159"/>
      <c r="AG63" s="159"/>
      <c r="AH63" s="159"/>
      <c r="AI63" s="159"/>
      <c r="AJ63" s="159"/>
      <c r="AK63" s="159"/>
      <c r="AL63" s="159"/>
      <c r="AM63" s="159"/>
      <c r="AN63" s="159"/>
      <c r="AO63" s="159"/>
      <c r="AP63" s="159"/>
      <c r="AQ63" s="159"/>
      <c r="AR63" s="159"/>
    </row>
    <row r="64" spans="1:48" x14ac:dyDescent="0.15">
      <c r="AC64" s="159"/>
      <c r="AD64" s="159"/>
      <c r="AE64" s="159"/>
      <c r="AF64" s="159"/>
      <c r="AG64" s="159"/>
      <c r="AH64" s="159"/>
      <c r="AI64" s="159"/>
      <c r="AJ64" s="159"/>
      <c r="AK64" s="159"/>
      <c r="AL64" s="159"/>
      <c r="AM64" s="159"/>
      <c r="AN64" s="159"/>
      <c r="AO64" s="159"/>
      <c r="AP64" s="159"/>
      <c r="AQ64" s="159"/>
      <c r="AR64" s="159"/>
    </row>
    <row r="65" spans="29:44" x14ac:dyDescent="0.15">
      <c r="AC65" s="159"/>
      <c r="AD65" s="159"/>
      <c r="AE65" s="159"/>
      <c r="AF65" s="159"/>
      <c r="AG65" s="159"/>
      <c r="AH65" s="159"/>
      <c r="AI65" s="159"/>
      <c r="AJ65" s="159"/>
      <c r="AK65" s="159"/>
      <c r="AL65" s="159"/>
      <c r="AM65" s="159"/>
      <c r="AN65" s="159"/>
      <c r="AO65" s="159"/>
      <c r="AP65" s="159"/>
      <c r="AQ65" s="159"/>
      <c r="AR65" s="159"/>
    </row>
    <row r="66" spans="29:44" x14ac:dyDescent="0.15">
      <c r="AC66" s="159"/>
      <c r="AD66" s="159"/>
      <c r="AE66" s="159"/>
      <c r="AF66" s="159"/>
      <c r="AG66" s="159"/>
      <c r="AH66" s="159"/>
      <c r="AI66" s="159"/>
      <c r="AJ66" s="159"/>
      <c r="AK66" s="159"/>
      <c r="AL66" s="159"/>
      <c r="AM66" s="159"/>
      <c r="AN66" s="159"/>
      <c r="AO66" s="159"/>
      <c r="AP66" s="159"/>
      <c r="AQ66" s="159"/>
      <c r="AR66" s="159"/>
    </row>
    <row r="67" spans="29:44" x14ac:dyDescent="0.15">
      <c r="AC67" s="159"/>
      <c r="AD67" s="159"/>
      <c r="AE67" s="159"/>
      <c r="AF67" s="159"/>
      <c r="AG67" s="159"/>
      <c r="AH67" s="159"/>
      <c r="AI67" s="159"/>
      <c r="AJ67" s="159"/>
      <c r="AK67" s="159"/>
      <c r="AL67" s="159"/>
      <c r="AM67" s="159"/>
      <c r="AN67" s="159"/>
      <c r="AO67" s="159"/>
      <c r="AP67" s="159"/>
      <c r="AQ67" s="159"/>
      <c r="AR67" s="159"/>
    </row>
    <row r="68" spans="29:44" x14ac:dyDescent="0.15">
      <c r="AC68" s="159"/>
      <c r="AD68" s="159"/>
      <c r="AE68" s="159"/>
      <c r="AF68" s="159"/>
      <c r="AG68" s="159"/>
      <c r="AH68" s="159"/>
      <c r="AI68" s="159"/>
      <c r="AJ68" s="159"/>
      <c r="AK68" s="159"/>
      <c r="AL68" s="159"/>
      <c r="AM68" s="159"/>
      <c r="AN68" s="159"/>
      <c r="AO68" s="159"/>
      <c r="AP68" s="159"/>
      <c r="AQ68" s="159"/>
      <c r="AR68" s="159"/>
    </row>
    <row r="69" spans="29:44" x14ac:dyDescent="0.15">
      <c r="AC69" s="159"/>
      <c r="AD69" s="159"/>
      <c r="AE69" s="159"/>
      <c r="AF69" s="159"/>
      <c r="AG69" s="159"/>
      <c r="AH69" s="159"/>
      <c r="AI69" s="159"/>
      <c r="AJ69" s="159"/>
      <c r="AK69" s="159"/>
      <c r="AL69" s="159"/>
      <c r="AM69" s="159"/>
      <c r="AN69" s="159"/>
      <c r="AO69" s="159"/>
      <c r="AP69" s="159"/>
      <c r="AQ69" s="159"/>
      <c r="AR69" s="159"/>
    </row>
    <row r="70" spans="29:44" x14ac:dyDescent="0.15">
      <c r="AC70" s="159"/>
      <c r="AD70" s="159"/>
      <c r="AE70" s="159"/>
      <c r="AF70" s="159"/>
      <c r="AG70" s="159"/>
      <c r="AH70" s="159"/>
      <c r="AI70" s="159"/>
      <c r="AJ70" s="159"/>
      <c r="AK70" s="159"/>
      <c r="AL70" s="159"/>
      <c r="AM70" s="159"/>
      <c r="AN70" s="159"/>
      <c r="AO70" s="159"/>
      <c r="AP70" s="159"/>
      <c r="AQ70" s="159"/>
      <c r="AR70" s="159"/>
    </row>
    <row r="71" spans="29:44" x14ac:dyDescent="0.15">
      <c r="AC71" s="159"/>
      <c r="AD71" s="159"/>
      <c r="AE71" s="159"/>
      <c r="AF71" s="159"/>
      <c r="AG71" s="159"/>
      <c r="AH71" s="159"/>
      <c r="AI71" s="159"/>
      <c r="AJ71" s="159"/>
      <c r="AK71" s="159"/>
      <c r="AL71" s="159"/>
      <c r="AM71" s="159"/>
      <c r="AN71" s="159"/>
      <c r="AO71" s="159"/>
      <c r="AP71" s="159"/>
      <c r="AQ71" s="159"/>
      <c r="AR71" s="159"/>
    </row>
    <row r="72" spans="29:44" x14ac:dyDescent="0.15">
      <c r="AC72" s="159"/>
      <c r="AD72" s="159"/>
      <c r="AE72" s="159"/>
      <c r="AF72" s="159"/>
      <c r="AG72" s="159"/>
      <c r="AH72" s="159"/>
      <c r="AI72" s="159"/>
      <c r="AJ72" s="159"/>
      <c r="AK72" s="159"/>
      <c r="AL72" s="159"/>
      <c r="AM72" s="159"/>
      <c r="AN72" s="159"/>
      <c r="AO72" s="159"/>
      <c r="AP72" s="159"/>
      <c r="AQ72" s="159"/>
      <c r="AR72" s="159"/>
    </row>
    <row r="73" spans="29:44" x14ac:dyDescent="0.15">
      <c r="AC73" s="159"/>
      <c r="AD73" s="159"/>
      <c r="AE73" s="159"/>
      <c r="AF73" s="159"/>
      <c r="AG73" s="159"/>
      <c r="AH73" s="159"/>
      <c r="AI73" s="159"/>
      <c r="AJ73" s="159"/>
      <c r="AK73" s="159"/>
      <c r="AL73" s="159"/>
      <c r="AM73" s="159"/>
      <c r="AN73" s="159"/>
      <c r="AO73" s="159"/>
      <c r="AP73" s="159"/>
      <c r="AQ73" s="159"/>
      <c r="AR73" s="159"/>
    </row>
    <row r="74" spans="29:44" x14ac:dyDescent="0.15">
      <c r="AC74" s="159"/>
      <c r="AD74" s="159"/>
      <c r="AE74" s="159"/>
      <c r="AF74" s="159"/>
      <c r="AG74" s="159"/>
      <c r="AH74" s="159"/>
      <c r="AI74" s="159"/>
      <c r="AJ74" s="159"/>
      <c r="AK74" s="159"/>
      <c r="AL74" s="159"/>
      <c r="AM74" s="159"/>
      <c r="AN74" s="159"/>
      <c r="AO74" s="159"/>
      <c r="AP74" s="159"/>
      <c r="AQ74" s="159"/>
      <c r="AR74" s="159"/>
    </row>
    <row r="75" spans="29:44" x14ac:dyDescent="0.15">
      <c r="AC75" s="159"/>
      <c r="AD75" s="159"/>
      <c r="AE75" s="159"/>
      <c r="AF75" s="159"/>
      <c r="AG75" s="159"/>
      <c r="AH75" s="159"/>
      <c r="AI75" s="159"/>
      <c r="AJ75" s="159"/>
      <c r="AK75" s="159"/>
      <c r="AL75" s="159"/>
      <c r="AM75" s="159"/>
      <c r="AN75" s="159"/>
      <c r="AO75" s="159"/>
      <c r="AP75" s="159"/>
      <c r="AQ75" s="159"/>
      <c r="AR75" s="159"/>
    </row>
    <row r="76" spans="29:44" x14ac:dyDescent="0.15">
      <c r="AC76" s="159"/>
      <c r="AD76" s="159"/>
      <c r="AE76" s="159"/>
      <c r="AF76" s="159"/>
      <c r="AG76" s="159"/>
      <c r="AH76" s="159"/>
      <c r="AI76" s="159"/>
      <c r="AJ76" s="159"/>
      <c r="AK76" s="159"/>
      <c r="AL76" s="159"/>
      <c r="AM76" s="159"/>
      <c r="AN76" s="159"/>
      <c r="AO76" s="159"/>
      <c r="AP76" s="159"/>
      <c r="AQ76" s="159"/>
      <c r="AR76" s="159"/>
    </row>
    <row r="77" spans="29:44" x14ac:dyDescent="0.15">
      <c r="AC77" s="159"/>
      <c r="AD77" s="159"/>
      <c r="AE77" s="159"/>
      <c r="AF77" s="159"/>
      <c r="AG77" s="159"/>
      <c r="AH77" s="159"/>
      <c r="AI77" s="159"/>
      <c r="AJ77" s="159"/>
      <c r="AK77" s="159"/>
      <c r="AL77" s="159"/>
      <c r="AM77" s="159"/>
      <c r="AN77" s="159"/>
      <c r="AO77" s="159"/>
      <c r="AP77" s="159"/>
      <c r="AQ77" s="159"/>
      <c r="AR77" s="159"/>
    </row>
    <row r="78" spans="29:44" x14ac:dyDescent="0.15">
      <c r="AC78" s="159"/>
      <c r="AD78" s="159"/>
      <c r="AE78" s="159"/>
      <c r="AF78" s="159"/>
      <c r="AG78" s="159"/>
      <c r="AH78" s="159"/>
      <c r="AI78" s="159"/>
      <c r="AJ78" s="159"/>
      <c r="AK78" s="159"/>
      <c r="AL78" s="159"/>
      <c r="AM78" s="159"/>
      <c r="AN78" s="159"/>
      <c r="AO78" s="159"/>
      <c r="AP78" s="159"/>
      <c r="AQ78" s="159"/>
      <c r="AR78" s="159"/>
    </row>
    <row r="79" spans="29:44" x14ac:dyDescent="0.15">
      <c r="AC79" s="159"/>
      <c r="AD79" s="159"/>
      <c r="AE79" s="159"/>
      <c r="AF79" s="159"/>
      <c r="AG79" s="159"/>
      <c r="AH79" s="159"/>
      <c r="AI79" s="159"/>
      <c r="AJ79" s="159"/>
      <c r="AK79" s="159"/>
      <c r="AL79" s="159"/>
      <c r="AM79" s="159"/>
      <c r="AN79" s="159"/>
      <c r="AO79" s="159"/>
      <c r="AP79" s="159"/>
      <c r="AQ79" s="159"/>
      <c r="AR79" s="159"/>
    </row>
    <row r="80" spans="29:44" x14ac:dyDescent="0.15">
      <c r="AC80" s="159"/>
      <c r="AD80" s="159"/>
      <c r="AE80" s="159"/>
      <c r="AF80" s="159"/>
      <c r="AG80" s="159"/>
      <c r="AH80" s="159"/>
      <c r="AI80" s="159"/>
      <c r="AJ80" s="159"/>
      <c r="AK80" s="159"/>
      <c r="AL80" s="159"/>
      <c r="AM80" s="159"/>
      <c r="AN80" s="159"/>
      <c r="AO80" s="159"/>
      <c r="AP80" s="159"/>
      <c r="AQ80" s="159"/>
      <c r="AR80" s="159"/>
    </row>
    <row r="81" spans="29:44" x14ac:dyDescent="0.15">
      <c r="AC81" s="159"/>
      <c r="AD81" s="159"/>
      <c r="AE81" s="159"/>
      <c r="AF81" s="159"/>
      <c r="AG81" s="159"/>
      <c r="AH81" s="159"/>
      <c r="AI81" s="159"/>
      <c r="AJ81" s="159"/>
      <c r="AK81" s="159"/>
      <c r="AL81" s="159"/>
      <c r="AM81" s="159"/>
      <c r="AN81" s="159"/>
      <c r="AO81" s="159"/>
      <c r="AP81" s="159"/>
      <c r="AQ81" s="159"/>
      <c r="AR81" s="159"/>
    </row>
    <row r="82" spans="29:44" x14ac:dyDescent="0.15">
      <c r="AC82" s="159"/>
      <c r="AD82" s="159"/>
      <c r="AE82" s="159"/>
      <c r="AF82" s="159"/>
      <c r="AG82" s="159"/>
      <c r="AH82" s="159"/>
      <c r="AI82" s="159"/>
      <c r="AJ82" s="159"/>
      <c r="AK82" s="159"/>
      <c r="AL82" s="159"/>
      <c r="AM82" s="159"/>
      <c r="AN82" s="159"/>
      <c r="AO82" s="159"/>
      <c r="AP82" s="159"/>
      <c r="AQ82" s="159"/>
      <c r="AR82" s="159"/>
    </row>
    <row r="83" spans="29:44" x14ac:dyDescent="0.15">
      <c r="AC83" s="159"/>
      <c r="AD83" s="159"/>
      <c r="AE83" s="159"/>
      <c r="AF83" s="159"/>
      <c r="AG83" s="159"/>
      <c r="AH83" s="159"/>
      <c r="AI83" s="159"/>
      <c r="AJ83" s="159"/>
      <c r="AK83" s="159"/>
      <c r="AL83" s="159"/>
      <c r="AM83" s="159"/>
      <c r="AN83" s="159"/>
      <c r="AO83" s="159"/>
      <c r="AP83" s="159"/>
      <c r="AQ83" s="159"/>
      <c r="AR83" s="159"/>
    </row>
    <row r="84" spans="29:44" x14ac:dyDescent="0.15">
      <c r="AC84" s="159"/>
      <c r="AD84" s="159"/>
      <c r="AE84" s="159"/>
      <c r="AF84" s="159"/>
      <c r="AG84" s="159"/>
      <c r="AH84" s="159"/>
      <c r="AI84" s="159"/>
      <c r="AJ84" s="159"/>
      <c r="AK84" s="159"/>
      <c r="AL84" s="159"/>
      <c r="AM84" s="159"/>
      <c r="AN84" s="159"/>
      <c r="AO84" s="159"/>
      <c r="AP84" s="159"/>
      <c r="AQ84" s="159"/>
      <c r="AR84" s="159"/>
    </row>
    <row r="85" spans="29:44" x14ac:dyDescent="0.15">
      <c r="AC85" s="159"/>
      <c r="AD85" s="159"/>
      <c r="AE85" s="159"/>
      <c r="AF85" s="159"/>
      <c r="AG85" s="159"/>
      <c r="AH85" s="159"/>
      <c r="AI85" s="159"/>
      <c r="AJ85" s="159"/>
      <c r="AK85" s="159"/>
      <c r="AL85" s="159"/>
      <c r="AM85" s="159"/>
      <c r="AN85" s="159"/>
      <c r="AO85" s="159"/>
      <c r="AP85" s="159"/>
      <c r="AQ85" s="159"/>
      <c r="AR85" s="159"/>
    </row>
    <row r="86" spans="29:44" x14ac:dyDescent="0.15">
      <c r="AC86" s="159"/>
      <c r="AD86" s="159"/>
      <c r="AE86" s="159"/>
      <c r="AF86" s="159"/>
      <c r="AG86" s="159"/>
      <c r="AH86" s="159"/>
      <c r="AI86" s="159"/>
      <c r="AJ86" s="159"/>
      <c r="AK86" s="159"/>
      <c r="AL86" s="159"/>
      <c r="AM86" s="159"/>
      <c r="AN86" s="159"/>
      <c r="AO86" s="159"/>
      <c r="AP86" s="159"/>
      <c r="AQ86" s="159"/>
      <c r="AR86" s="159"/>
    </row>
    <row r="87" spans="29:44" x14ac:dyDescent="0.15">
      <c r="AC87" s="159"/>
      <c r="AD87" s="159"/>
      <c r="AE87" s="159"/>
      <c r="AF87" s="159"/>
      <c r="AG87" s="159"/>
      <c r="AH87" s="159"/>
      <c r="AI87" s="159"/>
      <c r="AJ87" s="159"/>
      <c r="AK87" s="159"/>
      <c r="AL87" s="159"/>
      <c r="AM87" s="159"/>
      <c r="AN87" s="159"/>
      <c r="AO87" s="159"/>
      <c r="AP87" s="159"/>
      <c r="AQ87" s="159"/>
      <c r="AR87" s="159"/>
    </row>
    <row r="88" spans="29:44" x14ac:dyDescent="0.15">
      <c r="AC88" s="159"/>
      <c r="AD88" s="159"/>
      <c r="AE88" s="159"/>
      <c r="AF88" s="159"/>
      <c r="AG88" s="159"/>
      <c r="AH88" s="159"/>
      <c r="AI88" s="159"/>
      <c r="AJ88" s="159"/>
      <c r="AK88" s="159"/>
      <c r="AL88" s="159"/>
      <c r="AM88" s="159"/>
      <c r="AN88" s="159"/>
      <c r="AO88" s="159"/>
      <c r="AP88" s="159"/>
      <c r="AQ88" s="159"/>
      <c r="AR88" s="159"/>
    </row>
    <row r="89" spans="29:44" x14ac:dyDescent="0.15">
      <c r="AC89" s="159"/>
      <c r="AD89" s="159"/>
      <c r="AE89" s="159"/>
      <c r="AF89" s="159"/>
      <c r="AG89" s="159"/>
      <c r="AH89" s="159"/>
      <c r="AI89" s="159"/>
      <c r="AJ89" s="159"/>
      <c r="AK89" s="159"/>
      <c r="AL89" s="159"/>
      <c r="AM89" s="159"/>
      <c r="AN89" s="159"/>
      <c r="AO89" s="159"/>
      <c r="AP89" s="159"/>
      <c r="AQ89" s="159"/>
      <c r="AR89" s="159"/>
    </row>
    <row r="90" spans="29:44" x14ac:dyDescent="0.15">
      <c r="AC90" s="159"/>
      <c r="AD90" s="159"/>
      <c r="AE90" s="159"/>
      <c r="AF90" s="159"/>
      <c r="AG90" s="159"/>
      <c r="AH90" s="159"/>
      <c r="AI90" s="159"/>
      <c r="AJ90" s="159"/>
      <c r="AK90" s="159"/>
      <c r="AL90" s="159"/>
      <c r="AM90" s="159"/>
      <c r="AN90" s="159"/>
      <c r="AO90" s="159"/>
      <c r="AP90" s="159"/>
      <c r="AQ90" s="159"/>
      <c r="AR90" s="159"/>
    </row>
    <row r="91" spans="29:44" x14ac:dyDescent="0.15">
      <c r="AC91" s="159"/>
      <c r="AD91" s="159"/>
      <c r="AE91" s="159"/>
      <c r="AF91" s="159"/>
      <c r="AG91" s="159"/>
      <c r="AH91" s="159"/>
      <c r="AI91" s="159"/>
      <c r="AJ91" s="159"/>
      <c r="AK91" s="159"/>
      <c r="AL91" s="159"/>
      <c r="AM91" s="159"/>
      <c r="AN91" s="159"/>
      <c r="AO91" s="159"/>
      <c r="AP91" s="159"/>
      <c r="AQ91" s="159"/>
      <c r="AR91" s="159"/>
    </row>
    <row r="92" spans="29:44" x14ac:dyDescent="0.15">
      <c r="AC92" s="159"/>
      <c r="AD92" s="159"/>
      <c r="AE92" s="159"/>
      <c r="AF92" s="159"/>
      <c r="AG92" s="159"/>
      <c r="AH92" s="159"/>
      <c r="AI92" s="159"/>
      <c r="AJ92" s="159"/>
      <c r="AK92" s="159"/>
      <c r="AL92" s="159"/>
      <c r="AM92" s="159"/>
      <c r="AN92" s="159"/>
      <c r="AO92" s="159"/>
      <c r="AP92" s="159"/>
      <c r="AQ92" s="159"/>
      <c r="AR92" s="159"/>
    </row>
    <row r="93" spans="29:44" x14ac:dyDescent="0.15">
      <c r="AC93" s="159"/>
      <c r="AD93" s="159"/>
      <c r="AE93" s="159"/>
      <c r="AF93" s="159"/>
      <c r="AG93" s="159"/>
      <c r="AH93" s="159"/>
      <c r="AI93" s="159"/>
      <c r="AJ93" s="159"/>
      <c r="AK93" s="159"/>
      <c r="AL93" s="159"/>
      <c r="AM93" s="159"/>
      <c r="AN93" s="159"/>
      <c r="AO93" s="159"/>
      <c r="AP93" s="159"/>
      <c r="AQ93" s="159"/>
      <c r="AR93" s="159"/>
    </row>
    <row r="94" spans="29:44" x14ac:dyDescent="0.15">
      <c r="AC94" s="159"/>
      <c r="AD94" s="159"/>
      <c r="AE94" s="159"/>
      <c r="AF94" s="159"/>
      <c r="AG94" s="159"/>
      <c r="AH94" s="159"/>
      <c r="AI94" s="159"/>
      <c r="AJ94" s="159"/>
      <c r="AK94" s="159"/>
      <c r="AL94" s="159"/>
      <c r="AM94" s="159"/>
      <c r="AN94" s="159"/>
      <c r="AO94" s="159"/>
      <c r="AP94" s="159"/>
      <c r="AQ94" s="159"/>
      <c r="AR94" s="159"/>
    </row>
  </sheetData>
  <mergeCells count="38">
    <mergeCell ref="O50:P50"/>
    <mergeCell ref="A50:B50"/>
    <mergeCell ref="A9:B9"/>
    <mergeCell ref="A43:B43"/>
    <mergeCell ref="O43:P43"/>
    <mergeCell ref="O9:P9"/>
    <mergeCell ref="AR3:AR4"/>
    <mergeCell ref="AP3:AP4"/>
    <mergeCell ref="AQ3:AQ4"/>
    <mergeCell ref="Z3:Z4"/>
    <mergeCell ref="AA3:AB3"/>
    <mergeCell ref="AO3:AO4"/>
    <mergeCell ref="AN3:AN4"/>
    <mergeCell ref="AM3:AM4"/>
    <mergeCell ref="AL3:AL4"/>
    <mergeCell ref="AC3:AD4"/>
    <mergeCell ref="Q3:Y3"/>
    <mergeCell ref="C3:C4"/>
    <mergeCell ref="M3:M4"/>
    <mergeCell ref="A3:B4"/>
    <mergeCell ref="N3:N4"/>
    <mergeCell ref="O3:P4"/>
    <mergeCell ref="A7:B7"/>
    <mergeCell ref="O7:P7"/>
    <mergeCell ref="A5:B5"/>
    <mergeCell ref="O5:P5"/>
    <mergeCell ref="A6:B6"/>
    <mergeCell ref="O6:P6"/>
    <mergeCell ref="AC50:AD50"/>
    <mergeCell ref="AE3:AK3"/>
    <mergeCell ref="AC5:AD5"/>
    <mergeCell ref="AC6:AD6"/>
    <mergeCell ref="AC7:AD7"/>
    <mergeCell ref="A8:B8"/>
    <mergeCell ref="O8:P8"/>
    <mergeCell ref="AC8:AD8"/>
    <mergeCell ref="AC9:AD9"/>
    <mergeCell ref="AC43:AD43"/>
  </mergeCells>
  <phoneticPr fontId="0"/>
  <printOptions verticalCentered="1"/>
  <pageMargins left="0.78740157480314965" right="0.39370078740157483" top="0.59055118110236227" bottom="0.59055118110236227" header="0.51181102362204722" footer="0.39370078740157483"/>
  <pageSetup paperSize="9" scale="70" orientation="landscape" blackAndWhite="1" r:id="rId1"/>
  <headerFooter alignWithMargins="0"/>
  <colBreaks count="2" manualBreakCount="2">
    <brk id="14" max="49" man="1"/>
    <brk id="28" max="49" man="1"/>
  </col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2"/>
  <dimension ref="A1:BK166"/>
  <sheetViews>
    <sheetView zoomScaleNormal="100" zoomScaleSheetLayoutView="85" workbookViewId="0">
      <pane xSplit="2" ySplit="10" topLeftCell="C11" activePane="bottomRight" state="frozen"/>
      <selection activeCell="D25" sqref="C1:D1048576"/>
      <selection pane="topRight" activeCell="D25" sqref="C1:D1048576"/>
      <selection pane="bottomLeft" activeCell="D25" sqref="C1:D1048576"/>
      <selection pane="bottomRight"/>
    </sheetView>
  </sheetViews>
  <sheetFormatPr defaultColWidth="9" defaultRowHeight="10.8" x14ac:dyDescent="0.15"/>
  <cols>
    <col min="1" max="1" width="3.6640625" style="1239" customWidth="1"/>
    <col min="2" max="2" width="10" style="1239" customWidth="1"/>
    <col min="3" max="3" width="15.77734375" style="61" customWidth="1"/>
    <col min="4" max="4" width="15.77734375" style="1239" customWidth="1"/>
    <col min="5" max="5" width="16.88671875" style="1239" customWidth="1"/>
    <col min="6" max="6" width="15.77734375" style="1239" customWidth="1"/>
    <col min="7" max="7" width="15" style="1239" customWidth="1"/>
    <col min="8" max="8" width="15.77734375" style="1239" customWidth="1"/>
    <col min="9" max="9" width="11.77734375" style="1239" customWidth="1"/>
    <col min="10" max="10" width="11.109375" style="1239" customWidth="1"/>
    <col min="11" max="11" width="15" style="1239" customWidth="1"/>
    <col min="12" max="12" width="13.88671875" style="1239" customWidth="1"/>
    <col min="13" max="13" width="12.44140625" style="1239" customWidth="1"/>
    <col min="14" max="14" width="3.6640625" style="1239" customWidth="1"/>
    <col min="15" max="15" width="10" style="1239" customWidth="1"/>
    <col min="16" max="16" width="16.88671875" style="1239" customWidth="1"/>
    <col min="17" max="23" width="15.77734375" style="1239" customWidth="1"/>
    <col min="24" max="24" width="13.88671875" style="1239" customWidth="1"/>
    <col min="25" max="25" width="3.6640625" style="1239" customWidth="1"/>
    <col min="26" max="26" width="10" style="1239" customWidth="1"/>
    <col min="27" max="27" width="15.77734375" style="61" customWidth="1"/>
    <col min="28" max="28" width="10.6640625" style="61" customWidth="1"/>
    <col min="29" max="29" width="13.77734375" style="61" customWidth="1"/>
    <col min="30" max="30" width="10.6640625" style="61" customWidth="1"/>
    <col min="31" max="31" width="13.88671875" style="1239" bestFit="1" customWidth="1"/>
    <col min="32" max="32" width="13.77734375" style="1239" customWidth="1"/>
    <col min="33" max="33" width="15.77734375" style="1239" customWidth="1"/>
    <col min="34" max="34" width="10.6640625" style="1239" customWidth="1"/>
    <col min="35" max="36" width="13.77734375" style="1239" customWidth="1"/>
    <col min="37" max="37" width="3.6640625" style="1239" customWidth="1"/>
    <col min="38" max="38" width="10" style="1239" customWidth="1"/>
    <col min="39" max="39" width="12.33203125" style="1239" customWidth="1"/>
    <col min="40" max="40" width="12" style="1239" customWidth="1"/>
    <col min="41" max="41" width="13.77734375" style="1239" customWidth="1"/>
    <col min="42" max="42" width="15.77734375" style="61" customWidth="1"/>
    <col min="43" max="43" width="13.88671875" style="1239" customWidth="1"/>
    <col min="44" max="44" width="12.6640625" style="1239" customWidth="1"/>
    <col min="45" max="45" width="11.88671875" style="1239" customWidth="1"/>
    <col min="46" max="46" width="15.77734375" style="1239" customWidth="1"/>
    <col min="47" max="47" width="15.77734375" style="1241" customWidth="1"/>
    <col min="48" max="49" width="13.77734375" style="1239" customWidth="1"/>
    <col min="50" max="50" width="11.88671875" style="1239" customWidth="1"/>
    <col min="51" max="51" width="3.6640625" style="1239" customWidth="1"/>
    <col min="52" max="52" width="10" style="1239" customWidth="1"/>
    <col min="53" max="54" width="15.6640625" style="1239" customWidth="1"/>
    <col min="55" max="55" width="16.88671875" style="1239" customWidth="1"/>
    <col min="56" max="56" width="7.6640625" style="1239" customWidth="1"/>
    <col min="57" max="58" width="15.6640625" style="1239" customWidth="1"/>
    <col min="59" max="59" width="16.88671875" style="1239" customWidth="1"/>
    <col min="60" max="60" width="7.6640625" style="1239" customWidth="1"/>
    <col min="61" max="63" width="11.77734375" style="1239" customWidth="1"/>
    <col min="64" max="16384" width="9" style="1239"/>
  </cols>
  <sheetData>
    <row r="1" spans="1:63" s="121" customFormat="1" ht="14.1" customHeight="1" x14ac:dyDescent="0.2">
      <c r="A1" s="260" t="s">
        <v>537</v>
      </c>
      <c r="B1" s="119"/>
      <c r="D1" s="120"/>
      <c r="E1" s="119"/>
      <c r="F1" s="119"/>
      <c r="G1" s="119"/>
      <c r="H1" s="119"/>
      <c r="I1" s="119"/>
      <c r="J1" s="119"/>
      <c r="K1" s="119"/>
      <c r="L1" s="119"/>
      <c r="N1" s="151" t="s">
        <v>538</v>
      </c>
      <c r="P1" s="134"/>
      <c r="Q1" s="134"/>
      <c r="R1" s="134"/>
      <c r="S1" s="134"/>
      <c r="T1" s="134"/>
      <c r="U1" s="134"/>
      <c r="V1" s="134"/>
      <c r="W1" s="120"/>
      <c r="X1" s="120"/>
      <c r="Y1" s="151" t="s">
        <v>539</v>
      </c>
      <c r="Z1" s="136"/>
      <c r="AA1" s="135"/>
      <c r="AB1" s="135"/>
      <c r="AC1" s="135"/>
      <c r="AD1" s="135"/>
      <c r="AE1" s="120"/>
      <c r="AF1" s="119"/>
      <c r="AG1" s="119"/>
      <c r="AH1" s="119"/>
      <c r="AI1" s="119"/>
      <c r="AJ1" s="119"/>
      <c r="AK1" s="151" t="s">
        <v>473</v>
      </c>
      <c r="AL1" s="136"/>
      <c r="AM1" s="136"/>
      <c r="AN1" s="119"/>
      <c r="AO1" s="119"/>
      <c r="AP1" s="152"/>
      <c r="AQ1" s="119"/>
      <c r="AR1" s="119"/>
      <c r="AS1" s="119"/>
      <c r="AT1" s="119"/>
      <c r="AU1" s="261"/>
      <c r="AV1" s="122"/>
      <c r="AW1" s="136"/>
      <c r="AX1" s="120"/>
      <c r="AY1" s="133" t="s">
        <v>334</v>
      </c>
      <c r="BA1" s="119"/>
      <c r="BB1" s="119"/>
      <c r="BC1" s="119"/>
      <c r="BD1" s="119"/>
      <c r="BE1" s="119" t="s">
        <v>366</v>
      </c>
      <c r="BF1" s="119"/>
      <c r="BG1" s="119"/>
      <c r="BH1" s="119"/>
      <c r="BI1" s="119"/>
      <c r="BJ1" s="119"/>
      <c r="BK1" s="119"/>
    </row>
    <row r="2" spans="1:63" s="121" customFormat="1" ht="10.5" customHeight="1" thickBot="1" x14ac:dyDescent="0.2">
      <c r="A2" s="9"/>
      <c r="B2" s="119"/>
      <c r="C2" s="152"/>
      <c r="D2" s="120"/>
      <c r="E2" s="119"/>
      <c r="F2" s="119"/>
      <c r="G2" s="119"/>
      <c r="H2" s="119"/>
      <c r="I2" s="119"/>
      <c r="J2" s="119"/>
      <c r="K2" s="119"/>
      <c r="L2" s="122"/>
      <c r="M2" s="122" t="s">
        <v>52</v>
      </c>
      <c r="P2" s="122"/>
      <c r="Q2" s="284"/>
      <c r="R2" s="284"/>
      <c r="S2" s="284"/>
      <c r="T2" s="284"/>
      <c r="U2" s="284"/>
      <c r="V2" s="284"/>
      <c r="W2" s="285"/>
      <c r="X2" s="120"/>
      <c r="Y2" s="119"/>
      <c r="Z2" s="119"/>
      <c r="AA2" s="135"/>
      <c r="AB2" s="135"/>
      <c r="AC2" s="135"/>
      <c r="AD2" s="135"/>
      <c r="AE2" s="120"/>
      <c r="AF2" s="119"/>
      <c r="AG2" s="119"/>
      <c r="AH2" s="122"/>
      <c r="AI2" s="119"/>
      <c r="AJ2" s="122" t="s">
        <v>52</v>
      </c>
      <c r="AK2" s="119"/>
      <c r="AL2" s="119"/>
      <c r="AM2" s="119"/>
      <c r="AN2" s="119"/>
      <c r="AO2" s="119"/>
      <c r="AP2" s="153"/>
      <c r="AQ2" s="119"/>
      <c r="AR2" s="119"/>
      <c r="AS2" s="119"/>
      <c r="AT2" s="119"/>
      <c r="AU2" s="261"/>
      <c r="AV2" s="122"/>
      <c r="AW2" s="136"/>
      <c r="AX2" s="122" t="s">
        <v>52</v>
      </c>
      <c r="AY2" s="136"/>
      <c r="BA2" s="119"/>
      <c r="BB2" s="119"/>
      <c r="BC2" s="119"/>
      <c r="BD2" s="119"/>
      <c r="BE2" s="119"/>
      <c r="BF2" s="119"/>
      <c r="BG2" s="119"/>
      <c r="BH2" s="122"/>
      <c r="BI2" s="119"/>
      <c r="BJ2" s="119"/>
      <c r="BK2" s="180" t="s">
        <v>52</v>
      </c>
    </row>
    <row r="3" spans="1:63" s="121" customFormat="1" ht="18" customHeight="1" x14ac:dyDescent="0.2">
      <c r="A3" s="1589" t="s">
        <v>0</v>
      </c>
      <c r="B3" s="1590"/>
      <c r="C3" s="250"/>
      <c r="D3" s="1627" t="s">
        <v>468</v>
      </c>
      <c r="E3" s="1628"/>
      <c r="F3" s="1628"/>
      <c r="G3" s="1628"/>
      <c r="H3" s="1628"/>
      <c r="I3" s="1628"/>
      <c r="J3" s="1628"/>
      <c r="K3" s="1628"/>
      <c r="L3" s="1628"/>
      <c r="M3" s="1629"/>
      <c r="N3" s="1589" t="s">
        <v>0</v>
      </c>
      <c r="O3" s="1590"/>
      <c r="P3" s="137" t="s">
        <v>466</v>
      </c>
      <c r="Q3" s="1642" t="s">
        <v>465</v>
      </c>
      <c r="R3" s="1643"/>
      <c r="S3" s="1643"/>
      <c r="T3" s="1643"/>
      <c r="U3" s="1643"/>
      <c r="V3" s="1643"/>
      <c r="W3" s="1644"/>
      <c r="X3" s="1636" t="s">
        <v>474</v>
      </c>
      <c r="Y3" s="1589" t="s">
        <v>0</v>
      </c>
      <c r="Z3" s="1590"/>
      <c r="AA3" s="1603" t="s">
        <v>554</v>
      </c>
      <c r="AB3" s="1604"/>
      <c r="AC3" s="1603" t="s">
        <v>555</v>
      </c>
      <c r="AD3" s="1604"/>
      <c r="AE3" s="1634" t="s">
        <v>556</v>
      </c>
      <c r="AF3" s="1599" t="s">
        <v>549</v>
      </c>
      <c r="AG3" s="1639"/>
      <c r="AH3" s="1639"/>
      <c r="AI3" s="1599" t="s">
        <v>62</v>
      </c>
      <c r="AJ3" s="1600"/>
      <c r="AK3" s="1589" t="s">
        <v>0</v>
      </c>
      <c r="AL3" s="1590"/>
      <c r="AM3" s="1586" t="s">
        <v>475</v>
      </c>
      <c r="AN3" s="1609" t="s">
        <v>149</v>
      </c>
      <c r="AO3" s="1623" t="s">
        <v>288</v>
      </c>
      <c r="AP3" s="1618" t="s">
        <v>548</v>
      </c>
      <c r="AQ3" s="1620" t="s">
        <v>125</v>
      </c>
      <c r="AR3" s="1609" t="s">
        <v>129</v>
      </c>
      <c r="AS3" s="1609" t="s">
        <v>367</v>
      </c>
      <c r="AT3" s="1609" t="s">
        <v>298</v>
      </c>
      <c r="AU3" s="1611" t="s">
        <v>299</v>
      </c>
      <c r="AV3" s="145"/>
      <c r="AW3" s="149" t="s">
        <v>319</v>
      </c>
      <c r="AX3" s="150"/>
      <c r="AY3" s="1589" t="s">
        <v>0</v>
      </c>
      <c r="AZ3" s="1590"/>
      <c r="BA3" s="170" t="s">
        <v>58</v>
      </c>
      <c r="BB3" s="171"/>
      <c r="BC3" s="171"/>
      <c r="BD3" s="171"/>
      <c r="BE3" s="170"/>
      <c r="BF3" s="171"/>
      <c r="BG3" s="171"/>
      <c r="BH3" s="171"/>
      <c r="BI3" s="170" t="s">
        <v>551</v>
      </c>
      <c r="BJ3" s="177"/>
      <c r="BK3" s="178"/>
    </row>
    <row r="4" spans="1:63" s="121" customFormat="1" ht="15" customHeight="1" x14ac:dyDescent="0.2">
      <c r="A4" s="1591"/>
      <c r="B4" s="1592"/>
      <c r="C4" s="251" t="s">
        <v>59</v>
      </c>
      <c r="D4" s="123" t="s">
        <v>550</v>
      </c>
      <c r="E4" s="124"/>
      <c r="F4" s="125"/>
      <c r="G4" s="126"/>
      <c r="H4" s="1616" t="s">
        <v>51</v>
      </c>
      <c r="I4" s="1607" t="s">
        <v>276</v>
      </c>
      <c r="J4" s="1616" t="s">
        <v>60</v>
      </c>
      <c r="K4" s="1616" t="s">
        <v>128</v>
      </c>
      <c r="L4" s="1614" t="s">
        <v>61</v>
      </c>
      <c r="M4" s="1595" t="s">
        <v>469</v>
      </c>
      <c r="N4" s="1591"/>
      <c r="O4" s="1592"/>
      <c r="P4" s="1614" t="s">
        <v>467</v>
      </c>
      <c r="Q4" s="1645" t="s">
        <v>464</v>
      </c>
      <c r="R4" s="1646"/>
      <c r="S4" s="1647"/>
      <c r="T4" s="1645" t="s">
        <v>463</v>
      </c>
      <c r="U4" s="1646"/>
      <c r="V4" s="1646"/>
      <c r="W4" s="1616" t="s">
        <v>150</v>
      </c>
      <c r="X4" s="1637"/>
      <c r="Y4" s="1591"/>
      <c r="Z4" s="1592"/>
      <c r="AA4" s="1605" t="s">
        <v>545</v>
      </c>
      <c r="AB4" s="1597" t="s">
        <v>277</v>
      </c>
      <c r="AC4" s="1605" t="s">
        <v>332</v>
      </c>
      <c r="AD4" s="1597" t="s">
        <v>277</v>
      </c>
      <c r="AE4" s="1635"/>
      <c r="AF4" s="1607" t="s">
        <v>546</v>
      </c>
      <c r="AG4" s="1607" t="s">
        <v>547</v>
      </c>
      <c r="AH4" s="1614" t="s">
        <v>159</v>
      </c>
      <c r="AI4" s="1601" t="s">
        <v>333</v>
      </c>
      <c r="AJ4" s="1595" t="s">
        <v>159</v>
      </c>
      <c r="AK4" s="1591"/>
      <c r="AL4" s="1592"/>
      <c r="AM4" s="1587"/>
      <c r="AN4" s="1610"/>
      <c r="AO4" s="1624"/>
      <c r="AP4" s="1619"/>
      <c r="AQ4" s="1621"/>
      <c r="AR4" s="1610"/>
      <c r="AS4" s="1610"/>
      <c r="AT4" s="1610"/>
      <c r="AU4" s="1612"/>
      <c r="AV4" s="147" t="s">
        <v>63</v>
      </c>
      <c r="AW4" s="1601" t="s">
        <v>126</v>
      </c>
      <c r="AX4" s="249" t="s">
        <v>64</v>
      </c>
      <c r="AY4" s="1591"/>
      <c r="AZ4" s="1592"/>
      <c r="BA4" s="165" t="s">
        <v>65</v>
      </c>
      <c r="BB4" s="166"/>
      <c r="BC4" s="166"/>
      <c r="BD4" s="167"/>
      <c r="BE4" s="165" t="s">
        <v>127</v>
      </c>
      <c r="BF4" s="166"/>
      <c r="BG4" s="166"/>
      <c r="BH4" s="167"/>
      <c r="BI4" s="165" t="s">
        <v>66</v>
      </c>
      <c r="BJ4" s="176"/>
      <c r="BK4" s="179"/>
    </row>
    <row r="5" spans="1:63" s="121" customFormat="1" ht="15" customHeight="1" thickBot="1" x14ac:dyDescent="0.25">
      <c r="A5" s="1593"/>
      <c r="B5" s="1594"/>
      <c r="C5" s="252"/>
      <c r="D5" s="732" t="s">
        <v>50</v>
      </c>
      <c r="E5" s="732" t="s">
        <v>67</v>
      </c>
      <c r="F5" s="732" t="s">
        <v>68</v>
      </c>
      <c r="G5" s="127" t="s">
        <v>124</v>
      </c>
      <c r="H5" s="1617"/>
      <c r="I5" s="1626"/>
      <c r="J5" s="1617"/>
      <c r="K5" s="1617"/>
      <c r="L5" s="1615"/>
      <c r="M5" s="1596"/>
      <c r="N5" s="1593"/>
      <c r="O5" s="1594"/>
      <c r="P5" s="1615"/>
      <c r="Q5" s="732" t="s">
        <v>461</v>
      </c>
      <c r="R5" s="732" t="s">
        <v>462</v>
      </c>
      <c r="S5" s="732" t="s">
        <v>543</v>
      </c>
      <c r="T5" s="732" t="s">
        <v>461</v>
      </c>
      <c r="U5" s="732" t="s">
        <v>462</v>
      </c>
      <c r="V5" s="142" t="s">
        <v>544</v>
      </c>
      <c r="W5" s="1617"/>
      <c r="X5" s="1638"/>
      <c r="Y5" s="1593"/>
      <c r="Z5" s="1594"/>
      <c r="AA5" s="1606"/>
      <c r="AB5" s="1598"/>
      <c r="AC5" s="1606"/>
      <c r="AD5" s="1598"/>
      <c r="AE5" s="1564"/>
      <c r="AF5" s="1608"/>
      <c r="AG5" s="1608"/>
      <c r="AH5" s="1615"/>
      <c r="AI5" s="1602"/>
      <c r="AJ5" s="1596"/>
      <c r="AK5" s="1593"/>
      <c r="AL5" s="1594"/>
      <c r="AM5" s="1588"/>
      <c r="AN5" s="1602"/>
      <c r="AO5" s="1625"/>
      <c r="AP5" s="1598"/>
      <c r="AQ5" s="1617"/>
      <c r="AR5" s="1602"/>
      <c r="AS5" s="1602"/>
      <c r="AT5" s="1602"/>
      <c r="AU5" s="1613"/>
      <c r="AV5" s="148"/>
      <c r="AW5" s="1602"/>
      <c r="AX5" s="731" t="s">
        <v>320</v>
      </c>
      <c r="AY5" s="1593"/>
      <c r="AZ5" s="1594"/>
      <c r="BA5" s="732" t="s">
        <v>69</v>
      </c>
      <c r="BB5" s="732" t="s">
        <v>70</v>
      </c>
      <c r="BC5" s="733" t="s">
        <v>365</v>
      </c>
      <c r="BD5" s="168" t="s">
        <v>71</v>
      </c>
      <c r="BE5" s="732" t="s">
        <v>69</v>
      </c>
      <c r="BF5" s="732" t="s">
        <v>70</v>
      </c>
      <c r="BG5" s="732" t="s">
        <v>365</v>
      </c>
      <c r="BH5" s="168" t="s">
        <v>71</v>
      </c>
      <c r="BI5" s="732" t="s">
        <v>50</v>
      </c>
      <c r="BJ5" s="732" t="s">
        <v>72</v>
      </c>
      <c r="BK5" s="731" t="s">
        <v>41</v>
      </c>
    </row>
    <row r="6" spans="1:63" s="121" customFormat="1" ht="14.1" customHeight="1" thickTop="1" x14ac:dyDescent="0.2">
      <c r="A6" s="1585" t="s">
        <v>376</v>
      </c>
      <c r="B6" s="1560"/>
      <c r="C6" s="506">
        <v>14579542847</v>
      </c>
      <c r="D6" s="506">
        <v>538928421934</v>
      </c>
      <c r="E6" s="506">
        <v>7749943827</v>
      </c>
      <c r="F6" s="506">
        <v>546678365761</v>
      </c>
      <c r="G6" s="506">
        <v>1594076399</v>
      </c>
      <c r="H6" s="506">
        <v>72003839338</v>
      </c>
      <c r="I6" s="506">
        <v>51406579</v>
      </c>
      <c r="J6" s="506">
        <v>8103751</v>
      </c>
      <c r="K6" s="506">
        <v>4195419181</v>
      </c>
      <c r="L6" s="507">
        <v>631680000</v>
      </c>
      <c r="M6" s="508">
        <v>642898708</v>
      </c>
      <c r="N6" s="1585" t="s">
        <v>376</v>
      </c>
      <c r="O6" s="1560"/>
      <c r="P6" s="507">
        <v>625805789717</v>
      </c>
      <c r="Q6" s="509" t="s">
        <v>504</v>
      </c>
      <c r="R6" s="509" t="s">
        <v>504</v>
      </c>
      <c r="S6" s="509" t="s">
        <v>504</v>
      </c>
      <c r="T6" s="509" t="s">
        <v>504</v>
      </c>
      <c r="U6" s="509" t="s">
        <v>504</v>
      </c>
      <c r="V6" s="509" t="s">
        <v>504</v>
      </c>
      <c r="W6" s="509" t="s">
        <v>504</v>
      </c>
      <c r="X6" s="510" t="s">
        <v>504</v>
      </c>
      <c r="Y6" s="1585" t="s">
        <v>471</v>
      </c>
      <c r="Z6" s="1560"/>
      <c r="AA6" s="511">
        <v>125160383746</v>
      </c>
      <c r="AB6" s="512">
        <v>8990047</v>
      </c>
      <c r="AC6" s="512">
        <v>2956905875</v>
      </c>
      <c r="AD6" s="512">
        <v>8758787</v>
      </c>
      <c r="AE6" s="506">
        <v>48175818813</v>
      </c>
      <c r="AF6" s="506">
        <v>24657647695</v>
      </c>
      <c r="AG6" s="506">
        <v>198321423316</v>
      </c>
      <c r="AH6" s="507">
        <v>832360</v>
      </c>
      <c r="AI6" s="513">
        <v>4875773069</v>
      </c>
      <c r="AJ6" s="508">
        <v>1480252202</v>
      </c>
      <c r="AK6" s="1585" t="s">
        <v>471</v>
      </c>
      <c r="AL6" s="1560"/>
      <c r="AM6" s="514" t="s">
        <v>504</v>
      </c>
      <c r="AN6" s="506">
        <v>66946000</v>
      </c>
      <c r="AO6" s="507">
        <v>6300411440</v>
      </c>
      <c r="AP6" s="511">
        <v>1052403034775</v>
      </c>
      <c r="AQ6" s="506">
        <v>1526543999</v>
      </c>
      <c r="AR6" s="506">
        <v>0</v>
      </c>
      <c r="AS6" s="506">
        <v>64449288</v>
      </c>
      <c r="AT6" s="506">
        <v>1053994028062</v>
      </c>
      <c r="AU6" s="515">
        <v>3324738803</v>
      </c>
      <c r="AV6" s="507">
        <v>34198055032</v>
      </c>
      <c r="AW6" s="506">
        <v>12552037778</v>
      </c>
      <c r="AX6" s="508">
        <v>0</v>
      </c>
      <c r="AY6" s="1585" t="s">
        <v>376</v>
      </c>
      <c r="AZ6" s="1560"/>
      <c r="BA6" s="452">
        <v>239699917373</v>
      </c>
      <c r="BB6" s="452">
        <v>224070689138</v>
      </c>
      <c r="BC6" s="452">
        <v>25304005</v>
      </c>
      <c r="BD6" s="169">
        <v>0.93489999999999995</v>
      </c>
      <c r="BE6" s="452">
        <v>52967828912</v>
      </c>
      <c r="BF6" s="452">
        <v>10825234210</v>
      </c>
      <c r="BG6" s="452">
        <v>35347575</v>
      </c>
      <c r="BH6" s="169">
        <v>0.20449999999999999</v>
      </c>
      <c r="BI6" s="515">
        <v>1951583</v>
      </c>
      <c r="BJ6" s="515">
        <v>18153189</v>
      </c>
      <c r="BK6" s="516">
        <v>20104772</v>
      </c>
    </row>
    <row r="7" spans="1:63" s="1229" customFormat="1" ht="14.1" customHeight="1" x14ac:dyDescent="0.2">
      <c r="A7" s="1585" t="s">
        <v>375</v>
      </c>
      <c r="B7" s="1560"/>
      <c r="C7" s="517">
        <v>15181999112</v>
      </c>
      <c r="D7" s="517">
        <v>522080192280</v>
      </c>
      <c r="E7" s="517">
        <v>7102286141</v>
      </c>
      <c r="F7" s="517">
        <v>529182478421</v>
      </c>
      <c r="G7" s="517">
        <v>1531097502</v>
      </c>
      <c r="H7" s="517">
        <v>69714324235</v>
      </c>
      <c r="I7" s="517">
        <v>54437169</v>
      </c>
      <c r="J7" s="517">
        <v>7652205</v>
      </c>
      <c r="K7" s="517">
        <v>3609156318</v>
      </c>
      <c r="L7" s="518">
        <v>598560000</v>
      </c>
      <c r="M7" s="519">
        <v>586799075</v>
      </c>
      <c r="N7" s="1585" t="s">
        <v>375</v>
      </c>
      <c r="O7" s="1560"/>
      <c r="P7" s="518">
        <v>605284504925</v>
      </c>
      <c r="Q7" s="520" t="s">
        <v>504</v>
      </c>
      <c r="R7" s="520" t="s">
        <v>504</v>
      </c>
      <c r="S7" s="520" t="s">
        <v>504</v>
      </c>
      <c r="T7" s="520" t="s">
        <v>504</v>
      </c>
      <c r="U7" s="520" t="s">
        <v>504</v>
      </c>
      <c r="V7" s="520" t="s">
        <v>504</v>
      </c>
      <c r="W7" s="520" t="s">
        <v>504</v>
      </c>
      <c r="X7" s="521" t="s">
        <v>504</v>
      </c>
      <c r="Y7" s="1585" t="s">
        <v>472</v>
      </c>
      <c r="Z7" s="1622"/>
      <c r="AA7" s="522">
        <v>120851350345</v>
      </c>
      <c r="AB7" s="523">
        <v>8750932</v>
      </c>
      <c r="AC7" s="523">
        <v>3542107194</v>
      </c>
      <c r="AD7" s="523">
        <v>8445954</v>
      </c>
      <c r="AE7" s="517">
        <v>47138406929</v>
      </c>
      <c r="AF7" s="517">
        <v>21709010283</v>
      </c>
      <c r="AG7" s="517">
        <v>184193108038</v>
      </c>
      <c r="AH7" s="518">
        <v>820333</v>
      </c>
      <c r="AI7" s="524">
        <v>4816081046</v>
      </c>
      <c r="AJ7" s="519">
        <v>1479272200</v>
      </c>
      <c r="AK7" s="1585" t="s">
        <v>472</v>
      </c>
      <c r="AL7" s="1622"/>
      <c r="AM7" s="525" t="s">
        <v>504</v>
      </c>
      <c r="AN7" s="517">
        <v>60317000</v>
      </c>
      <c r="AO7" s="518">
        <v>7945558529</v>
      </c>
      <c r="AP7" s="522">
        <v>1012222001686</v>
      </c>
      <c r="AQ7" s="517">
        <v>3684718410</v>
      </c>
      <c r="AR7" s="517">
        <v>0</v>
      </c>
      <c r="AS7" s="517">
        <v>111472977</v>
      </c>
      <c r="AT7" s="517">
        <v>1016018193073</v>
      </c>
      <c r="AU7" s="526">
        <v>12019953189</v>
      </c>
      <c r="AV7" s="518">
        <v>43100124613</v>
      </c>
      <c r="AW7" s="517">
        <v>15574822084</v>
      </c>
      <c r="AX7" s="519">
        <v>0</v>
      </c>
      <c r="AY7" s="1585" t="s">
        <v>472</v>
      </c>
      <c r="AZ7" s="1560"/>
      <c r="BA7" s="129">
        <v>227852520598</v>
      </c>
      <c r="BB7" s="129">
        <v>214054017384</v>
      </c>
      <c r="BC7" s="129">
        <v>24305015</v>
      </c>
      <c r="BD7" s="169">
        <v>0.9395</v>
      </c>
      <c r="BE7" s="129">
        <v>47088904249</v>
      </c>
      <c r="BF7" s="129">
        <v>9755245873</v>
      </c>
      <c r="BG7" s="129">
        <v>34793958</v>
      </c>
      <c r="BH7" s="169">
        <v>0.20730000000000001</v>
      </c>
      <c r="BI7" s="526">
        <v>26363</v>
      </c>
      <c r="BJ7" s="526">
        <v>-5400</v>
      </c>
      <c r="BK7" s="527">
        <v>20963</v>
      </c>
    </row>
    <row r="8" spans="1:63" s="1230" customFormat="1" ht="14.1" customHeight="1" x14ac:dyDescent="0.2">
      <c r="A8" s="1585" t="s">
        <v>595</v>
      </c>
      <c r="B8" s="1622"/>
      <c r="C8" s="506">
        <v>14503519320</v>
      </c>
      <c r="D8" s="506">
        <v>507294593142</v>
      </c>
      <c r="E8" s="506">
        <v>6514685983</v>
      </c>
      <c r="F8" s="506">
        <v>513809279125</v>
      </c>
      <c r="G8" s="506">
        <v>1719950690</v>
      </c>
      <c r="H8" s="506">
        <v>69455234064</v>
      </c>
      <c r="I8" s="506">
        <v>52497365</v>
      </c>
      <c r="J8" s="506">
        <v>1326280</v>
      </c>
      <c r="K8" s="506">
        <v>3346756587</v>
      </c>
      <c r="L8" s="507">
        <v>584900000</v>
      </c>
      <c r="M8" s="508">
        <v>605771179</v>
      </c>
      <c r="N8" s="1585" t="s">
        <v>595</v>
      </c>
      <c r="O8" s="1560"/>
      <c r="P8" s="507">
        <v>589575715290</v>
      </c>
      <c r="Q8" s="528">
        <v>180150818694</v>
      </c>
      <c r="R8" s="528">
        <v>701737195</v>
      </c>
      <c r="S8" s="528">
        <v>180852555889</v>
      </c>
      <c r="T8" s="528">
        <v>60401266281</v>
      </c>
      <c r="U8" s="528">
        <v>236244553</v>
      </c>
      <c r="V8" s="528">
        <v>60637510834</v>
      </c>
      <c r="W8" s="528">
        <v>21184279408</v>
      </c>
      <c r="X8" s="529">
        <v>0</v>
      </c>
      <c r="Y8" s="1585" t="s">
        <v>595</v>
      </c>
      <c r="Z8" s="1560"/>
      <c r="AA8" s="511">
        <v>7101909048</v>
      </c>
      <c r="AB8" s="512">
        <v>573610</v>
      </c>
      <c r="AC8" s="512">
        <v>3286524412</v>
      </c>
      <c r="AD8" s="512">
        <v>496569</v>
      </c>
      <c r="AE8" s="506">
        <v>3449625769</v>
      </c>
      <c r="AF8" s="506">
        <v>891285000</v>
      </c>
      <c r="AG8" s="530" t="s">
        <v>504</v>
      </c>
      <c r="AH8" s="509" t="s">
        <v>504</v>
      </c>
      <c r="AI8" s="513">
        <v>4887139042</v>
      </c>
      <c r="AJ8" s="508">
        <v>1539368286</v>
      </c>
      <c r="AK8" s="1585" t="s">
        <v>595</v>
      </c>
      <c r="AL8" s="1560"/>
      <c r="AM8" s="531">
        <v>0</v>
      </c>
      <c r="AN8" s="506">
        <v>68847000</v>
      </c>
      <c r="AO8" s="507">
        <v>16315022500</v>
      </c>
      <c r="AP8" s="511">
        <v>904294371977</v>
      </c>
      <c r="AQ8" s="506">
        <v>9815388139</v>
      </c>
      <c r="AR8" s="506">
        <v>0</v>
      </c>
      <c r="AS8" s="506">
        <v>137604624</v>
      </c>
      <c r="AT8" s="506">
        <v>914247364740</v>
      </c>
      <c r="AU8" s="515">
        <v>27127577030</v>
      </c>
      <c r="AV8" s="507">
        <v>22696493463</v>
      </c>
      <c r="AW8" s="506">
        <v>23302198120</v>
      </c>
      <c r="AX8" s="508">
        <v>0</v>
      </c>
      <c r="AY8" s="1585" t="s">
        <v>595</v>
      </c>
      <c r="AZ8" s="1560"/>
      <c r="BA8" s="452">
        <v>223892049771</v>
      </c>
      <c r="BB8" s="452">
        <v>211138609673</v>
      </c>
      <c r="BC8" s="452">
        <v>20967112</v>
      </c>
      <c r="BD8" s="169">
        <v>0.94310000000000005</v>
      </c>
      <c r="BE8" s="452">
        <v>40592313498</v>
      </c>
      <c r="BF8" s="452">
        <v>9083059201</v>
      </c>
      <c r="BG8" s="452">
        <v>39243828</v>
      </c>
      <c r="BH8" s="169">
        <v>0.224</v>
      </c>
      <c r="BI8" s="515">
        <v>481</v>
      </c>
      <c r="BJ8" s="515">
        <v>0</v>
      </c>
      <c r="BK8" s="516">
        <v>481</v>
      </c>
    </row>
    <row r="9" spans="1:63" s="1231" customFormat="1" ht="14.1" customHeight="1" x14ac:dyDescent="0.15">
      <c r="A9" s="1585" t="s">
        <v>507</v>
      </c>
      <c r="B9" s="1622"/>
      <c r="C9" s="532">
        <v>16865522699</v>
      </c>
      <c r="D9" s="532">
        <v>500744035534</v>
      </c>
      <c r="E9" s="532">
        <v>6096024167</v>
      </c>
      <c r="F9" s="532">
        <v>506840059701</v>
      </c>
      <c r="G9" s="532">
        <v>1825654390</v>
      </c>
      <c r="H9" s="532">
        <v>69816522805</v>
      </c>
      <c r="I9" s="532">
        <v>60323781</v>
      </c>
      <c r="J9" s="532">
        <v>5616119</v>
      </c>
      <c r="K9" s="532">
        <v>3127560830</v>
      </c>
      <c r="L9" s="533">
        <v>551330000</v>
      </c>
      <c r="M9" s="534">
        <v>627635780</v>
      </c>
      <c r="N9" s="1585" t="s">
        <v>507</v>
      </c>
      <c r="O9" s="1622"/>
      <c r="P9" s="533">
        <v>582854703406</v>
      </c>
      <c r="Q9" s="535">
        <v>180058951469</v>
      </c>
      <c r="R9" s="535">
        <v>150676340</v>
      </c>
      <c r="S9" s="535">
        <v>180209627809</v>
      </c>
      <c r="T9" s="535">
        <v>57456815907</v>
      </c>
      <c r="U9" s="535">
        <v>61833341</v>
      </c>
      <c r="V9" s="535">
        <v>57518649248</v>
      </c>
      <c r="W9" s="532">
        <v>20391697776</v>
      </c>
      <c r="X9" s="536">
        <v>0</v>
      </c>
      <c r="Y9" s="1585" t="s">
        <v>507</v>
      </c>
      <c r="Z9" s="1622"/>
      <c r="AA9" s="537">
        <v>7749066874</v>
      </c>
      <c r="AB9" s="538">
        <v>583755</v>
      </c>
      <c r="AC9" s="538">
        <v>3273397362</v>
      </c>
      <c r="AD9" s="538">
        <v>483017</v>
      </c>
      <c r="AE9" s="539">
        <v>3761073330</v>
      </c>
      <c r="AF9" s="539">
        <v>955679000</v>
      </c>
      <c r="AG9" s="540" t="s">
        <v>504</v>
      </c>
      <c r="AH9" s="541" t="s">
        <v>504</v>
      </c>
      <c r="AI9" s="539">
        <v>5003021886</v>
      </c>
      <c r="AJ9" s="534">
        <v>1564756009</v>
      </c>
      <c r="AK9" s="1585" t="s">
        <v>507</v>
      </c>
      <c r="AL9" s="1622"/>
      <c r="AM9" s="542">
        <v>0</v>
      </c>
      <c r="AN9" s="532">
        <v>105762000</v>
      </c>
      <c r="AO9" s="533">
        <v>2063961644</v>
      </c>
      <c r="AP9" s="537">
        <v>882317985815</v>
      </c>
      <c r="AQ9" s="532">
        <v>2195486055</v>
      </c>
      <c r="AR9" s="532">
        <v>0</v>
      </c>
      <c r="AS9" s="532">
        <v>109567820</v>
      </c>
      <c r="AT9" s="532">
        <v>884623039690</v>
      </c>
      <c r="AU9" s="543">
        <v>-5066475447</v>
      </c>
      <c r="AV9" s="533">
        <v>17080149943</v>
      </c>
      <c r="AW9" s="532">
        <v>24221865771</v>
      </c>
      <c r="AX9" s="534">
        <v>95400000</v>
      </c>
      <c r="AY9" s="1585" t="s">
        <v>507</v>
      </c>
      <c r="AZ9" s="1622"/>
      <c r="BA9" s="460">
        <v>218053933890</v>
      </c>
      <c r="BB9" s="460">
        <v>205232917002</v>
      </c>
      <c r="BC9" s="460">
        <v>21795229</v>
      </c>
      <c r="BD9" s="169">
        <v>0.94130000000000003</v>
      </c>
      <c r="BE9" s="460">
        <v>35894927443</v>
      </c>
      <c r="BF9" s="460">
        <v>8825427502</v>
      </c>
      <c r="BG9" s="460">
        <v>27012723</v>
      </c>
      <c r="BH9" s="169">
        <v>0.24610000000000001</v>
      </c>
      <c r="BI9" s="543">
        <v>-178241</v>
      </c>
      <c r="BJ9" s="543">
        <v>42111</v>
      </c>
      <c r="BK9" s="544">
        <v>-136130</v>
      </c>
    </row>
    <row r="10" spans="1:63" s="1231" customFormat="1" ht="15" customHeight="1" thickBot="1" x14ac:dyDescent="0.2">
      <c r="A10" s="1640" t="s">
        <v>607</v>
      </c>
      <c r="B10" s="1641"/>
      <c r="C10" s="131">
        <v>15043261825</v>
      </c>
      <c r="D10" s="131">
        <v>473769596218</v>
      </c>
      <c r="E10" s="131">
        <v>5258195384</v>
      </c>
      <c r="F10" s="131">
        <v>479027791602</v>
      </c>
      <c r="G10" s="131">
        <v>1621475131</v>
      </c>
      <c r="H10" s="131">
        <v>68147694882</v>
      </c>
      <c r="I10" s="131">
        <v>68661790</v>
      </c>
      <c r="J10" s="131">
        <v>7662956</v>
      </c>
      <c r="K10" s="131">
        <v>2747800229</v>
      </c>
      <c r="L10" s="144">
        <v>557270000</v>
      </c>
      <c r="M10" s="203">
        <v>651180467</v>
      </c>
      <c r="N10" s="1632" t="s">
        <v>600</v>
      </c>
      <c r="O10" s="1633"/>
      <c r="P10" s="144">
        <v>552829537057</v>
      </c>
      <c r="Q10" s="144">
        <v>162459396604</v>
      </c>
      <c r="R10" s="144">
        <v>48287100</v>
      </c>
      <c r="S10" s="144">
        <v>162507683704</v>
      </c>
      <c r="T10" s="144">
        <v>56989698939</v>
      </c>
      <c r="U10" s="144">
        <v>7777351</v>
      </c>
      <c r="V10" s="144">
        <v>56997476290</v>
      </c>
      <c r="W10" s="131">
        <v>21459200983</v>
      </c>
      <c r="X10" s="203">
        <v>0</v>
      </c>
      <c r="Y10" s="1632" t="s">
        <v>600</v>
      </c>
      <c r="Z10" s="1633"/>
      <c r="AA10" s="146">
        <v>7890331058</v>
      </c>
      <c r="AB10" s="146">
        <v>568271</v>
      </c>
      <c r="AC10" s="146">
        <v>3582864656</v>
      </c>
      <c r="AD10" s="146">
        <v>470205</v>
      </c>
      <c r="AE10" s="146">
        <v>3926610374</v>
      </c>
      <c r="AF10" s="146">
        <v>1000644000</v>
      </c>
      <c r="AG10" s="204" t="s">
        <v>460</v>
      </c>
      <c r="AH10" s="204" t="s">
        <v>460</v>
      </c>
      <c r="AI10" s="146">
        <v>4436432458</v>
      </c>
      <c r="AJ10" s="203">
        <v>1460745666</v>
      </c>
      <c r="AK10" s="1632" t="s">
        <v>600</v>
      </c>
      <c r="AL10" s="1633"/>
      <c r="AM10" s="205">
        <v>0</v>
      </c>
      <c r="AN10" s="131">
        <v>64715000</v>
      </c>
      <c r="AO10" s="144">
        <v>3151402097</v>
      </c>
      <c r="AP10" s="206">
        <v>834351943644</v>
      </c>
      <c r="AQ10" s="131">
        <v>1406944083</v>
      </c>
      <c r="AR10" s="131">
        <v>0</v>
      </c>
      <c r="AS10" s="131">
        <v>93143894</v>
      </c>
      <c r="AT10" s="131">
        <v>835852031621</v>
      </c>
      <c r="AU10" s="262">
        <v>8857101327</v>
      </c>
      <c r="AV10" s="144">
        <v>24846950952</v>
      </c>
      <c r="AW10" s="131">
        <v>27111922843</v>
      </c>
      <c r="AX10" s="203">
        <v>71000000</v>
      </c>
      <c r="AY10" s="1632" t="s">
        <v>600</v>
      </c>
      <c r="AZ10" s="1633"/>
      <c r="BA10" s="131">
        <v>209602006723</v>
      </c>
      <c r="BB10" s="131">
        <v>198713629821</v>
      </c>
      <c r="BC10" s="131">
        <v>15310626</v>
      </c>
      <c r="BD10" s="174">
        <v>0.94810000000000005</v>
      </c>
      <c r="BE10" s="131">
        <v>32033906813</v>
      </c>
      <c r="BF10" s="131">
        <v>8419519267</v>
      </c>
      <c r="BG10" s="131">
        <v>34698698</v>
      </c>
      <c r="BH10" s="174">
        <v>0.2631</v>
      </c>
      <c r="BI10" s="264">
        <v>-23660</v>
      </c>
      <c r="BJ10" s="262">
        <v>0</v>
      </c>
      <c r="BK10" s="265">
        <v>-23660</v>
      </c>
    </row>
    <row r="11" spans="1:63" s="121" customFormat="1" ht="15" customHeight="1" thickTop="1" x14ac:dyDescent="0.15">
      <c r="A11" s="44">
        <v>1</v>
      </c>
      <c r="B11" s="63" t="s">
        <v>200</v>
      </c>
      <c r="C11" s="480">
        <v>4932270357</v>
      </c>
      <c r="D11" s="480">
        <v>177226222323</v>
      </c>
      <c r="E11" s="480">
        <v>1961012548</v>
      </c>
      <c r="F11" s="129">
        <v>179187234871</v>
      </c>
      <c r="G11" s="480">
        <v>600515545</v>
      </c>
      <c r="H11" s="480">
        <v>25634539012</v>
      </c>
      <c r="I11" s="480">
        <v>19299254</v>
      </c>
      <c r="J11" s="480">
        <v>204810</v>
      </c>
      <c r="K11" s="480">
        <v>845729099</v>
      </c>
      <c r="L11" s="130">
        <v>191750000</v>
      </c>
      <c r="M11" s="545">
        <v>15987184</v>
      </c>
      <c r="N11" s="44">
        <v>1</v>
      </c>
      <c r="O11" s="63" t="s">
        <v>200</v>
      </c>
      <c r="P11" s="138">
        <v>206495259775</v>
      </c>
      <c r="Q11" s="138">
        <v>63944581649</v>
      </c>
      <c r="R11" s="138">
        <v>4566000</v>
      </c>
      <c r="S11" s="138">
        <v>63949147649</v>
      </c>
      <c r="T11" s="138">
        <v>22090873719</v>
      </c>
      <c r="U11" s="138">
        <v>2412000</v>
      </c>
      <c r="V11" s="138">
        <v>22093285719</v>
      </c>
      <c r="W11" s="480">
        <v>8340035498</v>
      </c>
      <c r="X11" s="545">
        <v>0</v>
      </c>
      <c r="Y11" s="44">
        <v>1</v>
      </c>
      <c r="Z11" s="63" t="s">
        <v>200</v>
      </c>
      <c r="AA11" s="140" t="s">
        <v>460</v>
      </c>
      <c r="AB11" s="140" t="s">
        <v>460</v>
      </c>
      <c r="AC11" s="140" t="s">
        <v>460</v>
      </c>
      <c r="AD11" s="140" t="s">
        <v>460</v>
      </c>
      <c r="AE11" s="140" t="s">
        <v>460</v>
      </c>
      <c r="AF11" s="140" t="s">
        <v>460</v>
      </c>
      <c r="AG11" s="140" t="s">
        <v>460</v>
      </c>
      <c r="AH11" s="140" t="s">
        <v>460</v>
      </c>
      <c r="AI11" s="480">
        <v>1328174195</v>
      </c>
      <c r="AJ11" s="545">
        <v>101807677</v>
      </c>
      <c r="AK11" s="44">
        <v>1</v>
      </c>
      <c r="AL11" s="63" t="s">
        <v>200</v>
      </c>
      <c r="AM11" s="546">
        <v>0</v>
      </c>
      <c r="AN11" s="480">
        <v>0</v>
      </c>
      <c r="AO11" s="130">
        <v>638723586</v>
      </c>
      <c r="AP11" s="547">
        <v>307878704456</v>
      </c>
      <c r="AQ11" s="480">
        <v>1030136</v>
      </c>
      <c r="AR11" s="480">
        <v>0</v>
      </c>
      <c r="AS11" s="480">
        <v>0</v>
      </c>
      <c r="AT11" s="480">
        <v>307879734592</v>
      </c>
      <c r="AU11" s="526">
        <v>4976145213</v>
      </c>
      <c r="AV11" s="138">
        <v>8280560750</v>
      </c>
      <c r="AW11" s="480">
        <v>5052196210</v>
      </c>
      <c r="AX11" s="545">
        <v>0</v>
      </c>
      <c r="AY11" s="116">
        <v>1</v>
      </c>
      <c r="AZ11" s="63" t="s">
        <v>200</v>
      </c>
      <c r="BA11" s="480">
        <v>74027470392</v>
      </c>
      <c r="BB11" s="480">
        <v>70871719639</v>
      </c>
      <c r="BC11" s="480">
        <v>0</v>
      </c>
      <c r="BD11" s="173">
        <v>0.95740000000000003</v>
      </c>
      <c r="BE11" s="480">
        <v>5554793100</v>
      </c>
      <c r="BF11" s="480">
        <v>2125663005</v>
      </c>
      <c r="BG11" s="480">
        <v>0</v>
      </c>
      <c r="BH11" s="173">
        <v>0.38269999999999998</v>
      </c>
      <c r="BI11" s="266">
        <v>0</v>
      </c>
      <c r="BJ11" s="266">
        <v>0</v>
      </c>
      <c r="BK11" s="267">
        <v>0</v>
      </c>
    </row>
    <row r="12" spans="1:63" s="121" customFormat="1" ht="15" customHeight="1" x14ac:dyDescent="0.15">
      <c r="A12" s="44">
        <v>2</v>
      </c>
      <c r="B12" s="64" t="s">
        <v>2</v>
      </c>
      <c r="C12" s="480">
        <v>2895067614</v>
      </c>
      <c r="D12" s="480">
        <v>63765059071</v>
      </c>
      <c r="E12" s="480">
        <v>800964021</v>
      </c>
      <c r="F12" s="129">
        <v>64566023092</v>
      </c>
      <c r="G12" s="480">
        <v>216127081</v>
      </c>
      <c r="H12" s="480">
        <v>9363480955</v>
      </c>
      <c r="I12" s="480">
        <v>21484032</v>
      </c>
      <c r="J12" s="480">
        <v>491818</v>
      </c>
      <c r="K12" s="480">
        <v>373748974</v>
      </c>
      <c r="L12" s="130">
        <v>68000000</v>
      </c>
      <c r="M12" s="545">
        <v>2383767</v>
      </c>
      <c r="N12" s="44">
        <v>2</v>
      </c>
      <c r="O12" s="64" t="s">
        <v>2</v>
      </c>
      <c r="P12" s="138">
        <v>74611739719</v>
      </c>
      <c r="Q12" s="138">
        <v>25669262262</v>
      </c>
      <c r="R12" s="138">
        <v>1455518</v>
      </c>
      <c r="S12" s="138">
        <v>25670717780</v>
      </c>
      <c r="T12" s="138">
        <v>8722006966</v>
      </c>
      <c r="U12" s="138">
        <v>513948</v>
      </c>
      <c r="V12" s="138">
        <v>8722520914</v>
      </c>
      <c r="W12" s="480">
        <v>3429667965</v>
      </c>
      <c r="X12" s="545">
        <v>0</v>
      </c>
      <c r="Y12" s="44">
        <v>2</v>
      </c>
      <c r="Z12" s="64" t="s">
        <v>2</v>
      </c>
      <c r="AA12" s="140" t="s">
        <v>460</v>
      </c>
      <c r="AB12" s="140" t="s">
        <v>460</v>
      </c>
      <c r="AC12" s="140" t="s">
        <v>460</v>
      </c>
      <c r="AD12" s="140" t="s">
        <v>460</v>
      </c>
      <c r="AE12" s="140" t="s">
        <v>460</v>
      </c>
      <c r="AF12" s="140" t="s">
        <v>557</v>
      </c>
      <c r="AG12" s="140" t="s">
        <v>460</v>
      </c>
      <c r="AH12" s="140" t="s">
        <v>460</v>
      </c>
      <c r="AI12" s="480">
        <v>573629182</v>
      </c>
      <c r="AJ12" s="545">
        <v>98685174</v>
      </c>
      <c r="AK12" s="44">
        <v>2</v>
      </c>
      <c r="AL12" s="64" t="s">
        <v>2</v>
      </c>
      <c r="AM12" s="546">
        <v>0</v>
      </c>
      <c r="AN12" s="480">
        <v>0</v>
      </c>
      <c r="AO12" s="130">
        <v>220598889</v>
      </c>
      <c r="AP12" s="547">
        <v>116222627237</v>
      </c>
      <c r="AQ12" s="480">
        <v>369057097</v>
      </c>
      <c r="AR12" s="480">
        <v>0</v>
      </c>
      <c r="AS12" s="480">
        <v>0</v>
      </c>
      <c r="AT12" s="480">
        <v>116591684334</v>
      </c>
      <c r="AU12" s="526">
        <v>1299306883</v>
      </c>
      <c r="AV12" s="138">
        <v>1290221026</v>
      </c>
      <c r="AW12" s="480">
        <v>1910218075</v>
      </c>
      <c r="AX12" s="545">
        <v>0</v>
      </c>
      <c r="AY12" s="116">
        <v>2</v>
      </c>
      <c r="AZ12" s="64" t="s">
        <v>2</v>
      </c>
      <c r="BA12" s="480">
        <v>30117280870</v>
      </c>
      <c r="BB12" s="480">
        <v>28538790078</v>
      </c>
      <c r="BC12" s="480">
        <v>0</v>
      </c>
      <c r="BD12" s="169">
        <v>0.9476</v>
      </c>
      <c r="BE12" s="480">
        <v>3332272484</v>
      </c>
      <c r="BF12" s="480">
        <v>1441080105</v>
      </c>
      <c r="BG12" s="480">
        <v>0</v>
      </c>
      <c r="BH12" s="169">
        <v>0.4325</v>
      </c>
      <c r="BI12" s="266">
        <v>0</v>
      </c>
      <c r="BJ12" s="266">
        <v>0</v>
      </c>
      <c r="BK12" s="267">
        <v>0</v>
      </c>
    </row>
    <row r="13" spans="1:63" s="121" customFormat="1" ht="15" customHeight="1" x14ac:dyDescent="0.15">
      <c r="A13" s="44">
        <v>3</v>
      </c>
      <c r="B13" s="64" t="s">
        <v>3</v>
      </c>
      <c r="C13" s="480">
        <v>708187715</v>
      </c>
      <c r="D13" s="480">
        <v>24644550116</v>
      </c>
      <c r="E13" s="480">
        <v>233471158</v>
      </c>
      <c r="F13" s="129">
        <v>24878021274</v>
      </c>
      <c r="G13" s="480">
        <v>83792199</v>
      </c>
      <c r="H13" s="480">
        <v>3588545235</v>
      </c>
      <c r="I13" s="480">
        <v>7271063</v>
      </c>
      <c r="J13" s="480">
        <v>29210</v>
      </c>
      <c r="K13" s="480">
        <v>101746180</v>
      </c>
      <c r="L13" s="130">
        <v>33000000</v>
      </c>
      <c r="M13" s="545">
        <v>1814669</v>
      </c>
      <c r="N13" s="44">
        <v>3</v>
      </c>
      <c r="O13" s="64" t="s">
        <v>3</v>
      </c>
      <c r="P13" s="138">
        <v>28694219830</v>
      </c>
      <c r="Q13" s="138">
        <v>7646952025</v>
      </c>
      <c r="R13" s="138">
        <v>448000</v>
      </c>
      <c r="S13" s="138">
        <v>7647400025</v>
      </c>
      <c r="T13" s="138">
        <v>2618542690</v>
      </c>
      <c r="U13" s="138">
        <v>149000</v>
      </c>
      <c r="V13" s="138">
        <v>2618691690</v>
      </c>
      <c r="W13" s="480">
        <v>901046133</v>
      </c>
      <c r="X13" s="545">
        <v>0</v>
      </c>
      <c r="Y13" s="44">
        <v>3</v>
      </c>
      <c r="Z13" s="64" t="s">
        <v>3</v>
      </c>
      <c r="AA13" s="140" t="s">
        <v>460</v>
      </c>
      <c r="AB13" s="140" t="s">
        <v>460</v>
      </c>
      <c r="AC13" s="140" t="s">
        <v>460</v>
      </c>
      <c r="AD13" s="140" t="s">
        <v>557</v>
      </c>
      <c r="AE13" s="140" t="s">
        <v>460</v>
      </c>
      <c r="AF13" s="140" t="s">
        <v>460</v>
      </c>
      <c r="AG13" s="140" t="s">
        <v>460</v>
      </c>
      <c r="AH13" s="140" t="s">
        <v>460</v>
      </c>
      <c r="AI13" s="480">
        <v>203577403</v>
      </c>
      <c r="AJ13" s="545">
        <v>5852648</v>
      </c>
      <c r="AK13" s="44">
        <v>3</v>
      </c>
      <c r="AL13" s="64" t="s">
        <v>3</v>
      </c>
      <c r="AM13" s="546">
        <v>0</v>
      </c>
      <c r="AN13" s="480">
        <v>0</v>
      </c>
      <c r="AO13" s="130">
        <v>41819828</v>
      </c>
      <c r="AP13" s="547">
        <v>40820795272</v>
      </c>
      <c r="AQ13" s="480">
        <v>8976</v>
      </c>
      <c r="AR13" s="480">
        <v>0</v>
      </c>
      <c r="AS13" s="480">
        <v>0</v>
      </c>
      <c r="AT13" s="480">
        <v>40820804248</v>
      </c>
      <c r="AU13" s="526">
        <v>123867442</v>
      </c>
      <c r="AV13" s="138">
        <v>1537580016</v>
      </c>
      <c r="AW13" s="480">
        <v>100019794</v>
      </c>
      <c r="AX13" s="545">
        <v>0</v>
      </c>
      <c r="AY13" s="116">
        <v>3</v>
      </c>
      <c r="AZ13" s="64" t="s">
        <v>3</v>
      </c>
      <c r="BA13" s="480">
        <v>8427424990</v>
      </c>
      <c r="BB13" s="480">
        <v>7693245724</v>
      </c>
      <c r="BC13" s="480">
        <v>4860406</v>
      </c>
      <c r="BD13" s="169">
        <v>0.91339999999999999</v>
      </c>
      <c r="BE13" s="480">
        <v>1904049127</v>
      </c>
      <c r="BF13" s="480">
        <v>438022336</v>
      </c>
      <c r="BG13" s="480">
        <v>15483553</v>
      </c>
      <c r="BH13" s="169">
        <v>0.2319</v>
      </c>
      <c r="BI13" s="266">
        <v>0</v>
      </c>
      <c r="BJ13" s="266">
        <v>0</v>
      </c>
      <c r="BK13" s="267">
        <v>0</v>
      </c>
    </row>
    <row r="14" spans="1:63" s="121" customFormat="1" ht="15" customHeight="1" x14ac:dyDescent="0.15">
      <c r="A14" s="44">
        <v>4</v>
      </c>
      <c r="B14" s="64" t="s">
        <v>4</v>
      </c>
      <c r="C14" s="480">
        <v>431384689</v>
      </c>
      <c r="D14" s="480">
        <v>14411713888</v>
      </c>
      <c r="E14" s="480">
        <v>156090918</v>
      </c>
      <c r="F14" s="129">
        <v>14567804806</v>
      </c>
      <c r="G14" s="480">
        <v>47117309</v>
      </c>
      <c r="H14" s="480">
        <v>2057843055</v>
      </c>
      <c r="I14" s="480">
        <v>806677</v>
      </c>
      <c r="J14" s="480">
        <v>0</v>
      </c>
      <c r="K14" s="480">
        <v>69739803</v>
      </c>
      <c r="L14" s="130">
        <v>19050000</v>
      </c>
      <c r="M14" s="545">
        <v>89988</v>
      </c>
      <c r="N14" s="44">
        <v>4</v>
      </c>
      <c r="O14" s="64" t="s">
        <v>4</v>
      </c>
      <c r="P14" s="138">
        <v>16762451638</v>
      </c>
      <c r="Q14" s="138">
        <v>4855986916</v>
      </c>
      <c r="R14" s="138">
        <v>1162181</v>
      </c>
      <c r="S14" s="138">
        <v>4857149097</v>
      </c>
      <c r="T14" s="138">
        <v>1699141488</v>
      </c>
      <c r="U14" s="138">
        <v>271846</v>
      </c>
      <c r="V14" s="138">
        <v>1699413334</v>
      </c>
      <c r="W14" s="480">
        <v>619991450</v>
      </c>
      <c r="X14" s="545">
        <v>0</v>
      </c>
      <c r="Y14" s="44">
        <v>4</v>
      </c>
      <c r="Z14" s="64" t="s">
        <v>4</v>
      </c>
      <c r="AA14" s="140" t="s">
        <v>460</v>
      </c>
      <c r="AB14" s="140" t="s">
        <v>460</v>
      </c>
      <c r="AC14" s="140" t="s">
        <v>460</v>
      </c>
      <c r="AD14" s="140" t="s">
        <v>460</v>
      </c>
      <c r="AE14" s="140" t="s">
        <v>460</v>
      </c>
      <c r="AF14" s="140" t="s">
        <v>460</v>
      </c>
      <c r="AG14" s="140" t="s">
        <v>460</v>
      </c>
      <c r="AH14" s="140" t="s">
        <v>460</v>
      </c>
      <c r="AI14" s="480">
        <v>152904117</v>
      </c>
      <c r="AJ14" s="545">
        <v>72993573</v>
      </c>
      <c r="AK14" s="44">
        <v>4</v>
      </c>
      <c r="AL14" s="64" t="s">
        <v>4</v>
      </c>
      <c r="AM14" s="546">
        <v>0</v>
      </c>
      <c r="AN14" s="480">
        <v>0</v>
      </c>
      <c r="AO14" s="130">
        <v>34873706</v>
      </c>
      <c r="AP14" s="547">
        <v>24631161604</v>
      </c>
      <c r="AQ14" s="480">
        <v>157124207</v>
      </c>
      <c r="AR14" s="480">
        <v>0</v>
      </c>
      <c r="AS14" s="480">
        <v>0</v>
      </c>
      <c r="AT14" s="480">
        <v>24788285811</v>
      </c>
      <c r="AU14" s="526">
        <v>59036807</v>
      </c>
      <c r="AV14" s="138">
        <v>189743314</v>
      </c>
      <c r="AW14" s="480">
        <v>313047000</v>
      </c>
      <c r="AX14" s="545">
        <v>0</v>
      </c>
      <c r="AY14" s="116">
        <v>4</v>
      </c>
      <c r="AZ14" s="64" t="s">
        <v>4</v>
      </c>
      <c r="BA14" s="480">
        <v>5723876700</v>
      </c>
      <c r="BB14" s="480">
        <v>5314506284</v>
      </c>
      <c r="BC14" s="480">
        <v>0</v>
      </c>
      <c r="BD14" s="169">
        <v>0.92849999999999999</v>
      </c>
      <c r="BE14" s="480">
        <v>1912984508</v>
      </c>
      <c r="BF14" s="480">
        <v>255150486</v>
      </c>
      <c r="BG14" s="480">
        <v>0</v>
      </c>
      <c r="BH14" s="169">
        <v>0.13339999999999999</v>
      </c>
      <c r="BI14" s="266">
        <v>0</v>
      </c>
      <c r="BJ14" s="266">
        <v>0</v>
      </c>
      <c r="BK14" s="267">
        <v>0</v>
      </c>
    </row>
    <row r="15" spans="1:63" s="121" customFormat="1" ht="15" customHeight="1" x14ac:dyDescent="0.15">
      <c r="A15" s="44">
        <v>5</v>
      </c>
      <c r="B15" s="64" t="s">
        <v>5</v>
      </c>
      <c r="C15" s="480">
        <v>235606046</v>
      </c>
      <c r="D15" s="480">
        <v>8920266817</v>
      </c>
      <c r="E15" s="480">
        <v>93674027</v>
      </c>
      <c r="F15" s="129">
        <v>9013940844</v>
      </c>
      <c r="G15" s="480">
        <v>31849532</v>
      </c>
      <c r="H15" s="480">
        <v>1174501026</v>
      </c>
      <c r="I15" s="480">
        <v>421690</v>
      </c>
      <c r="J15" s="480">
        <v>45720</v>
      </c>
      <c r="K15" s="480">
        <v>46394250</v>
      </c>
      <c r="L15" s="130">
        <v>10450000</v>
      </c>
      <c r="M15" s="545">
        <v>430721</v>
      </c>
      <c r="N15" s="44">
        <v>5</v>
      </c>
      <c r="O15" s="64" t="s">
        <v>5</v>
      </c>
      <c r="P15" s="138">
        <v>10278033783</v>
      </c>
      <c r="Q15" s="138">
        <v>3293237321</v>
      </c>
      <c r="R15" s="138">
        <v>677182</v>
      </c>
      <c r="S15" s="138">
        <v>3293914503</v>
      </c>
      <c r="T15" s="138">
        <v>1231607017</v>
      </c>
      <c r="U15" s="138">
        <v>266884</v>
      </c>
      <c r="V15" s="138">
        <v>1231873901</v>
      </c>
      <c r="W15" s="480">
        <v>495399529</v>
      </c>
      <c r="X15" s="545">
        <v>0</v>
      </c>
      <c r="Y15" s="44">
        <v>5</v>
      </c>
      <c r="Z15" s="64" t="s">
        <v>5</v>
      </c>
      <c r="AA15" s="140" t="s">
        <v>460</v>
      </c>
      <c r="AB15" s="140" t="s">
        <v>460</v>
      </c>
      <c r="AC15" s="140" t="s">
        <v>460</v>
      </c>
      <c r="AD15" s="140" t="s">
        <v>460</v>
      </c>
      <c r="AE15" s="140" t="s">
        <v>460</v>
      </c>
      <c r="AF15" s="140" t="s">
        <v>460</v>
      </c>
      <c r="AG15" s="140" t="s">
        <v>460</v>
      </c>
      <c r="AH15" s="140" t="s">
        <v>460</v>
      </c>
      <c r="AI15" s="480">
        <v>99282129</v>
      </c>
      <c r="AJ15" s="545">
        <v>6333880</v>
      </c>
      <c r="AK15" s="44">
        <v>5</v>
      </c>
      <c r="AL15" s="64" t="s">
        <v>5</v>
      </c>
      <c r="AM15" s="546">
        <v>0</v>
      </c>
      <c r="AN15" s="480">
        <v>0</v>
      </c>
      <c r="AO15" s="130">
        <v>27980820</v>
      </c>
      <c r="AP15" s="547">
        <v>15668424591</v>
      </c>
      <c r="AQ15" s="480">
        <v>50002162</v>
      </c>
      <c r="AR15" s="480">
        <v>0</v>
      </c>
      <c r="AS15" s="480">
        <v>0</v>
      </c>
      <c r="AT15" s="480">
        <v>15718426753</v>
      </c>
      <c r="AU15" s="526">
        <v>366964639</v>
      </c>
      <c r="AV15" s="138">
        <v>405651354</v>
      </c>
      <c r="AW15" s="480">
        <v>253819596</v>
      </c>
      <c r="AX15" s="545">
        <v>0</v>
      </c>
      <c r="AY15" s="116">
        <v>5</v>
      </c>
      <c r="AZ15" s="64" t="s">
        <v>5</v>
      </c>
      <c r="BA15" s="480">
        <v>3968338315</v>
      </c>
      <c r="BB15" s="480">
        <v>3798597443</v>
      </c>
      <c r="BC15" s="480">
        <v>0</v>
      </c>
      <c r="BD15" s="169">
        <v>0.95720000000000005</v>
      </c>
      <c r="BE15" s="480">
        <v>419608432</v>
      </c>
      <c r="BF15" s="480">
        <v>110997480</v>
      </c>
      <c r="BG15" s="480">
        <v>0</v>
      </c>
      <c r="BH15" s="169">
        <v>0.26450000000000001</v>
      </c>
      <c r="BI15" s="266">
        <v>0</v>
      </c>
      <c r="BJ15" s="266">
        <v>0</v>
      </c>
      <c r="BK15" s="267">
        <v>0</v>
      </c>
    </row>
    <row r="16" spans="1:63" s="121" customFormat="1" ht="15" customHeight="1" x14ac:dyDescent="0.15">
      <c r="A16" s="44">
        <v>6</v>
      </c>
      <c r="B16" s="64" t="s">
        <v>6</v>
      </c>
      <c r="C16" s="480">
        <v>424636290</v>
      </c>
      <c r="D16" s="480">
        <v>20524006244</v>
      </c>
      <c r="E16" s="480">
        <v>229095085</v>
      </c>
      <c r="F16" s="129">
        <v>20753101329</v>
      </c>
      <c r="G16" s="480">
        <v>74019464</v>
      </c>
      <c r="H16" s="480">
        <v>2916543690</v>
      </c>
      <c r="I16" s="480">
        <v>1512955</v>
      </c>
      <c r="J16" s="480">
        <v>236125</v>
      </c>
      <c r="K16" s="480">
        <v>116592000</v>
      </c>
      <c r="L16" s="130">
        <v>22900000</v>
      </c>
      <c r="M16" s="545">
        <v>943608</v>
      </c>
      <c r="N16" s="44">
        <v>6</v>
      </c>
      <c r="O16" s="64" t="s">
        <v>6</v>
      </c>
      <c r="P16" s="138">
        <v>23885849171</v>
      </c>
      <c r="Q16" s="138">
        <v>7540539453</v>
      </c>
      <c r="R16" s="138">
        <v>2107605</v>
      </c>
      <c r="S16" s="138">
        <v>7542647058</v>
      </c>
      <c r="T16" s="138">
        <v>2702431402</v>
      </c>
      <c r="U16" s="138">
        <v>490705</v>
      </c>
      <c r="V16" s="138">
        <v>2702922107</v>
      </c>
      <c r="W16" s="480">
        <v>1052086221</v>
      </c>
      <c r="X16" s="545">
        <v>0</v>
      </c>
      <c r="Y16" s="44">
        <v>6</v>
      </c>
      <c r="Z16" s="64" t="s">
        <v>6</v>
      </c>
      <c r="AA16" s="140" t="s">
        <v>460</v>
      </c>
      <c r="AB16" s="140" t="s">
        <v>460</v>
      </c>
      <c r="AC16" s="140" t="s">
        <v>460</v>
      </c>
      <c r="AD16" s="140" t="s">
        <v>460</v>
      </c>
      <c r="AE16" s="140" t="s">
        <v>460</v>
      </c>
      <c r="AF16" s="140" t="s">
        <v>460</v>
      </c>
      <c r="AG16" s="140" t="s">
        <v>460</v>
      </c>
      <c r="AH16" s="140" t="s">
        <v>460</v>
      </c>
      <c r="AI16" s="480">
        <v>249146997</v>
      </c>
      <c r="AJ16" s="545">
        <v>32693298</v>
      </c>
      <c r="AK16" s="44">
        <v>6</v>
      </c>
      <c r="AL16" s="64" t="s">
        <v>6</v>
      </c>
      <c r="AM16" s="546">
        <v>0</v>
      </c>
      <c r="AN16" s="480">
        <v>0</v>
      </c>
      <c r="AO16" s="130">
        <v>54943933</v>
      </c>
      <c r="AP16" s="547">
        <v>35944925075</v>
      </c>
      <c r="AQ16" s="480">
        <v>120636</v>
      </c>
      <c r="AR16" s="480">
        <v>0</v>
      </c>
      <c r="AS16" s="480">
        <v>0</v>
      </c>
      <c r="AT16" s="480">
        <v>35945045711</v>
      </c>
      <c r="AU16" s="526">
        <v>194042283</v>
      </c>
      <c r="AV16" s="138">
        <v>973421145</v>
      </c>
      <c r="AW16" s="480">
        <v>1006135183</v>
      </c>
      <c r="AX16" s="545">
        <v>0</v>
      </c>
      <c r="AY16" s="116">
        <v>6</v>
      </c>
      <c r="AZ16" s="64" t="s">
        <v>6</v>
      </c>
      <c r="BA16" s="480">
        <v>8718076340</v>
      </c>
      <c r="BB16" s="480">
        <v>8071103099</v>
      </c>
      <c r="BC16" s="480">
        <v>6595420</v>
      </c>
      <c r="BD16" s="169">
        <v>0.92649999999999999</v>
      </c>
      <c r="BE16" s="480">
        <v>2387757891</v>
      </c>
      <c r="BF16" s="480">
        <v>389376827</v>
      </c>
      <c r="BG16" s="480">
        <v>8034770</v>
      </c>
      <c r="BH16" s="169">
        <v>0.1636</v>
      </c>
      <c r="BI16" s="266">
        <v>0</v>
      </c>
      <c r="BJ16" s="266">
        <v>0</v>
      </c>
      <c r="BK16" s="267">
        <v>0</v>
      </c>
    </row>
    <row r="17" spans="1:63" s="121" customFormat="1" ht="15" customHeight="1" x14ac:dyDescent="0.15">
      <c r="A17" s="44">
        <v>7</v>
      </c>
      <c r="B17" s="64" t="s">
        <v>7</v>
      </c>
      <c r="C17" s="480">
        <v>303893099</v>
      </c>
      <c r="D17" s="480">
        <v>11383948377</v>
      </c>
      <c r="E17" s="480">
        <v>96905426</v>
      </c>
      <c r="F17" s="129">
        <v>11480853803</v>
      </c>
      <c r="G17" s="480">
        <v>36191374</v>
      </c>
      <c r="H17" s="480">
        <v>1717372111</v>
      </c>
      <c r="I17" s="480">
        <v>945960</v>
      </c>
      <c r="J17" s="480">
        <v>41300</v>
      </c>
      <c r="K17" s="480">
        <v>46187650</v>
      </c>
      <c r="L17" s="130">
        <v>14050000</v>
      </c>
      <c r="M17" s="545">
        <v>361112</v>
      </c>
      <c r="N17" s="44">
        <v>7</v>
      </c>
      <c r="O17" s="64" t="s">
        <v>7</v>
      </c>
      <c r="P17" s="138">
        <v>13296003310</v>
      </c>
      <c r="Q17" s="138">
        <v>3656112259</v>
      </c>
      <c r="R17" s="138">
        <v>1838000</v>
      </c>
      <c r="S17" s="138">
        <v>3657950259</v>
      </c>
      <c r="T17" s="138">
        <v>1218513815</v>
      </c>
      <c r="U17" s="138">
        <v>741000</v>
      </c>
      <c r="V17" s="138">
        <v>1219254815</v>
      </c>
      <c r="W17" s="480">
        <v>449190780</v>
      </c>
      <c r="X17" s="545">
        <v>0</v>
      </c>
      <c r="Y17" s="44">
        <v>7</v>
      </c>
      <c r="Z17" s="64" t="s">
        <v>7</v>
      </c>
      <c r="AA17" s="140" t="s">
        <v>460</v>
      </c>
      <c r="AB17" s="140" t="s">
        <v>460</v>
      </c>
      <c r="AC17" s="140" t="s">
        <v>460</v>
      </c>
      <c r="AD17" s="140" t="s">
        <v>460</v>
      </c>
      <c r="AE17" s="140" t="s">
        <v>460</v>
      </c>
      <c r="AF17" s="140" t="s">
        <v>460</v>
      </c>
      <c r="AG17" s="140" t="s">
        <v>460</v>
      </c>
      <c r="AH17" s="140" t="s">
        <v>460</v>
      </c>
      <c r="AI17" s="480">
        <v>113660525</v>
      </c>
      <c r="AJ17" s="545">
        <v>17181421</v>
      </c>
      <c r="AK17" s="44">
        <v>7</v>
      </c>
      <c r="AL17" s="64" t="s">
        <v>7</v>
      </c>
      <c r="AM17" s="546">
        <v>0</v>
      </c>
      <c r="AN17" s="480">
        <v>18328000</v>
      </c>
      <c r="AO17" s="130">
        <v>28103400</v>
      </c>
      <c r="AP17" s="547">
        <v>19103565609</v>
      </c>
      <c r="AQ17" s="480">
        <v>0</v>
      </c>
      <c r="AR17" s="480">
        <v>0</v>
      </c>
      <c r="AS17" s="480">
        <v>0</v>
      </c>
      <c r="AT17" s="480">
        <v>19103565609</v>
      </c>
      <c r="AU17" s="526">
        <v>219517907</v>
      </c>
      <c r="AV17" s="138">
        <v>395628983</v>
      </c>
      <c r="AW17" s="480">
        <v>465747947</v>
      </c>
      <c r="AX17" s="545">
        <v>0</v>
      </c>
      <c r="AY17" s="116">
        <v>7</v>
      </c>
      <c r="AZ17" s="64" t="s">
        <v>7</v>
      </c>
      <c r="BA17" s="480">
        <v>4245754600</v>
      </c>
      <c r="BB17" s="480">
        <v>4037054112</v>
      </c>
      <c r="BC17" s="480">
        <v>853500</v>
      </c>
      <c r="BD17" s="169">
        <v>0.95099999999999996</v>
      </c>
      <c r="BE17" s="480">
        <v>650012281</v>
      </c>
      <c r="BF17" s="480">
        <v>174631408</v>
      </c>
      <c r="BG17" s="480">
        <v>4685189</v>
      </c>
      <c r="BH17" s="169">
        <v>0.27060000000000001</v>
      </c>
      <c r="BI17" s="266">
        <v>0</v>
      </c>
      <c r="BJ17" s="266">
        <v>0</v>
      </c>
      <c r="BK17" s="267">
        <v>0</v>
      </c>
    </row>
    <row r="18" spans="1:63" s="121" customFormat="1" ht="15" customHeight="1" x14ac:dyDescent="0.15">
      <c r="A18" s="44">
        <v>8</v>
      </c>
      <c r="B18" s="64" t="s">
        <v>8</v>
      </c>
      <c r="C18" s="480">
        <v>325775773</v>
      </c>
      <c r="D18" s="480">
        <v>12213413198</v>
      </c>
      <c r="E18" s="480">
        <v>146081033</v>
      </c>
      <c r="F18" s="129">
        <v>12359494231</v>
      </c>
      <c r="G18" s="480">
        <v>43264367</v>
      </c>
      <c r="H18" s="480">
        <v>1679323529</v>
      </c>
      <c r="I18" s="480">
        <v>3388941</v>
      </c>
      <c r="J18" s="480">
        <v>0</v>
      </c>
      <c r="K18" s="480">
        <v>60358648</v>
      </c>
      <c r="L18" s="130">
        <v>16250000</v>
      </c>
      <c r="M18" s="545">
        <v>1047995</v>
      </c>
      <c r="N18" s="44">
        <v>8</v>
      </c>
      <c r="O18" s="64" t="s">
        <v>8</v>
      </c>
      <c r="P18" s="138">
        <v>14163127711</v>
      </c>
      <c r="Q18" s="138">
        <v>4165002893</v>
      </c>
      <c r="R18" s="138">
        <v>875697</v>
      </c>
      <c r="S18" s="138">
        <v>4165878590</v>
      </c>
      <c r="T18" s="138">
        <v>1553719239</v>
      </c>
      <c r="U18" s="138">
        <v>30000</v>
      </c>
      <c r="V18" s="138">
        <v>1553749239</v>
      </c>
      <c r="W18" s="480">
        <v>588609345</v>
      </c>
      <c r="X18" s="545">
        <v>0</v>
      </c>
      <c r="Y18" s="44">
        <v>8</v>
      </c>
      <c r="Z18" s="64" t="s">
        <v>8</v>
      </c>
      <c r="AA18" s="140" t="s">
        <v>460</v>
      </c>
      <c r="AB18" s="140" t="s">
        <v>460</v>
      </c>
      <c r="AC18" s="140" t="s">
        <v>460</v>
      </c>
      <c r="AD18" s="140" t="s">
        <v>460</v>
      </c>
      <c r="AE18" s="140" t="s">
        <v>460</v>
      </c>
      <c r="AF18" s="140" t="s">
        <v>460</v>
      </c>
      <c r="AG18" s="140" t="s">
        <v>460</v>
      </c>
      <c r="AH18" s="140" t="s">
        <v>460</v>
      </c>
      <c r="AI18" s="480">
        <v>142352550</v>
      </c>
      <c r="AJ18" s="545">
        <v>5083174</v>
      </c>
      <c r="AK18" s="44">
        <v>8</v>
      </c>
      <c r="AL18" s="64" t="s">
        <v>8</v>
      </c>
      <c r="AM18" s="546">
        <v>0</v>
      </c>
      <c r="AN18" s="480">
        <v>19712000</v>
      </c>
      <c r="AO18" s="130">
        <v>31782435</v>
      </c>
      <c r="AP18" s="547">
        <v>20996070817</v>
      </c>
      <c r="AQ18" s="480">
        <v>32761</v>
      </c>
      <c r="AR18" s="480">
        <v>0</v>
      </c>
      <c r="AS18" s="480">
        <v>0</v>
      </c>
      <c r="AT18" s="480">
        <v>20996103578</v>
      </c>
      <c r="AU18" s="526">
        <v>374051914</v>
      </c>
      <c r="AV18" s="138">
        <v>550462328</v>
      </c>
      <c r="AW18" s="480">
        <v>312176674</v>
      </c>
      <c r="AX18" s="545">
        <v>0</v>
      </c>
      <c r="AY18" s="116">
        <v>8</v>
      </c>
      <c r="AZ18" s="64" t="s">
        <v>8</v>
      </c>
      <c r="BA18" s="480">
        <v>5280841080</v>
      </c>
      <c r="BB18" s="480">
        <v>4915214720</v>
      </c>
      <c r="BC18" s="480">
        <v>0</v>
      </c>
      <c r="BD18" s="169">
        <v>0.93079999999999996</v>
      </c>
      <c r="BE18" s="480">
        <v>800838490</v>
      </c>
      <c r="BF18" s="480">
        <v>216701463</v>
      </c>
      <c r="BG18" s="480">
        <v>0</v>
      </c>
      <c r="BH18" s="169">
        <v>0.27060000000000001</v>
      </c>
      <c r="BI18" s="266">
        <v>0</v>
      </c>
      <c r="BJ18" s="266">
        <v>0</v>
      </c>
      <c r="BK18" s="267">
        <v>0</v>
      </c>
    </row>
    <row r="19" spans="1:63" s="121" customFormat="1" ht="15" customHeight="1" x14ac:dyDescent="0.15">
      <c r="A19" s="44">
        <v>9</v>
      </c>
      <c r="B19" s="64" t="s">
        <v>9</v>
      </c>
      <c r="C19" s="480">
        <v>94598992</v>
      </c>
      <c r="D19" s="480">
        <v>3371468055</v>
      </c>
      <c r="E19" s="480">
        <v>34801991</v>
      </c>
      <c r="F19" s="129">
        <v>3406270046</v>
      </c>
      <c r="G19" s="480">
        <v>11509810</v>
      </c>
      <c r="H19" s="480">
        <v>489915083</v>
      </c>
      <c r="I19" s="480">
        <v>581611</v>
      </c>
      <c r="J19" s="480">
        <v>0</v>
      </c>
      <c r="K19" s="480">
        <v>18285481</v>
      </c>
      <c r="L19" s="130">
        <v>2650000</v>
      </c>
      <c r="M19" s="545">
        <v>68885</v>
      </c>
      <c r="N19" s="44">
        <v>9</v>
      </c>
      <c r="O19" s="64" t="s">
        <v>9</v>
      </c>
      <c r="P19" s="138">
        <v>3929280916</v>
      </c>
      <c r="Q19" s="138">
        <v>1017184646</v>
      </c>
      <c r="R19" s="138">
        <v>309289</v>
      </c>
      <c r="S19" s="138">
        <v>1017493935</v>
      </c>
      <c r="T19" s="138">
        <v>411300311</v>
      </c>
      <c r="U19" s="138">
        <v>98585</v>
      </c>
      <c r="V19" s="138">
        <v>411398896</v>
      </c>
      <c r="W19" s="480">
        <v>161425544</v>
      </c>
      <c r="X19" s="545">
        <v>0</v>
      </c>
      <c r="Y19" s="44">
        <v>9</v>
      </c>
      <c r="Z19" s="64" t="s">
        <v>9</v>
      </c>
      <c r="AA19" s="140" t="s">
        <v>460</v>
      </c>
      <c r="AB19" s="140" t="s">
        <v>460</v>
      </c>
      <c r="AC19" s="140" t="s">
        <v>460</v>
      </c>
      <c r="AD19" s="140" t="s">
        <v>460</v>
      </c>
      <c r="AE19" s="140" t="s">
        <v>460</v>
      </c>
      <c r="AF19" s="140" t="s">
        <v>460</v>
      </c>
      <c r="AG19" s="140" t="s">
        <v>460</v>
      </c>
      <c r="AH19" s="140" t="s">
        <v>460</v>
      </c>
      <c r="AI19" s="480">
        <v>30128633</v>
      </c>
      <c r="AJ19" s="545">
        <v>3587090</v>
      </c>
      <c r="AK19" s="44">
        <v>9</v>
      </c>
      <c r="AL19" s="64" t="s">
        <v>9</v>
      </c>
      <c r="AM19" s="546">
        <v>0</v>
      </c>
      <c r="AN19" s="480">
        <v>0</v>
      </c>
      <c r="AO19" s="130">
        <v>10351705</v>
      </c>
      <c r="AP19" s="547">
        <v>5658265711</v>
      </c>
      <c r="AQ19" s="480">
        <v>50000000</v>
      </c>
      <c r="AR19" s="480">
        <v>0</v>
      </c>
      <c r="AS19" s="480">
        <v>0</v>
      </c>
      <c r="AT19" s="480">
        <v>5708265711</v>
      </c>
      <c r="AU19" s="526">
        <v>182556729</v>
      </c>
      <c r="AV19" s="138">
        <v>152340875</v>
      </c>
      <c r="AW19" s="480">
        <v>86904262</v>
      </c>
      <c r="AX19" s="545">
        <v>0</v>
      </c>
      <c r="AY19" s="44">
        <v>9</v>
      </c>
      <c r="AZ19" s="64" t="s">
        <v>9</v>
      </c>
      <c r="BA19" s="480">
        <v>1305872900</v>
      </c>
      <c r="BB19" s="480">
        <v>1235600700</v>
      </c>
      <c r="BC19" s="480">
        <v>0</v>
      </c>
      <c r="BD19" s="169">
        <v>0.94620000000000004</v>
      </c>
      <c r="BE19" s="480">
        <v>198929800</v>
      </c>
      <c r="BF19" s="480">
        <v>36788400</v>
      </c>
      <c r="BG19" s="480">
        <v>0</v>
      </c>
      <c r="BH19" s="169">
        <v>0.18490000000000001</v>
      </c>
      <c r="BI19" s="266">
        <v>0</v>
      </c>
      <c r="BJ19" s="266">
        <v>0</v>
      </c>
      <c r="BK19" s="267">
        <v>0</v>
      </c>
    </row>
    <row r="20" spans="1:63" s="121" customFormat="1" ht="15" customHeight="1" x14ac:dyDescent="0.15">
      <c r="A20" s="44">
        <v>10</v>
      </c>
      <c r="B20" s="64" t="s">
        <v>10</v>
      </c>
      <c r="C20" s="480">
        <v>898455955</v>
      </c>
      <c r="D20" s="480">
        <v>38082351307</v>
      </c>
      <c r="E20" s="480">
        <v>447922142</v>
      </c>
      <c r="F20" s="129">
        <v>38530273449</v>
      </c>
      <c r="G20" s="480">
        <v>124455314</v>
      </c>
      <c r="H20" s="480">
        <v>5627957039</v>
      </c>
      <c r="I20" s="480">
        <v>3959330</v>
      </c>
      <c r="J20" s="480">
        <v>125370</v>
      </c>
      <c r="K20" s="480">
        <v>212416236</v>
      </c>
      <c r="L20" s="130">
        <v>47800000</v>
      </c>
      <c r="M20" s="545">
        <v>1883886</v>
      </c>
      <c r="N20" s="44">
        <v>10</v>
      </c>
      <c r="O20" s="64" t="s">
        <v>10</v>
      </c>
      <c r="P20" s="138">
        <v>44548870624</v>
      </c>
      <c r="Q20" s="138">
        <v>13220626068</v>
      </c>
      <c r="R20" s="138">
        <v>13020361</v>
      </c>
      <c r="S20" s="138">
        <v>13233646429</v>
      </c>
      <c r="T20" s="138">
        <v>4733557203</v>
      </c>
      <c r="U20" s="138">
        <v>1500000</v>
      </c>
      <c r="V20" s="138">
        <v>4735057203</v>
      </c>
      <c r="W20" s="480">
        <v>1775768392</v>
      </c>
      <c r="X20" s="545">
        <v>0</v>
      </c>
      <c r="Y20" s="44">
        <v>10</v>
      </c>
      <c r="Z20" s="64" t="s">
        <v>10</v>
      </c>
      <c r="AA20" s="140" t="s">
        <v>460</v>
      </c>
      <c r="AB20" s="140" t="s">
        <v>460</v>
      </c>
      <c r="AC20" s="140" t="s">
        <v>460</v>
      </c>
      <c r="AD20" s="140" t="s">
        <v>460</v>
      </c>
      <c r="AE20" s="140" t="s">
        <v>460</v>
      </c>
      <c r="AF20" s="140" t="s">
        <v>460</v>
      </c>
      <c r="AG20" s="140" t="s">
        <v>460</v>
      </c>
      <c r="AH20" s="140" t="s">
        <v>460</v>
      </c>
      <c r="AI20" s="480">
        <v>392930136</v>
      </c>
      <c r="AJ20" s="545">
        <v>128650639</v>
      </c>
      <c r="AK20" s="44">
        <v>10</v>
      </c>
      <c r="AL20" s="64" t="s">
        <v>10</v>
      </c>
      <c r="AM20" s="546">
        <v>0</v>
      </c>
      <c r="AN20" s="480">
        <v>9319000</v>
      </c>
      <c r="AO20" s="130">
        <v>119825170</v>
      </c>
      <c r="AP20" s="547">
        <v>65842523548</v>
      </c>
      <c r="AQ20" s="480">
        <v>0</v>
      </c>
      <c r="AR20" s="480">
        <v>0</v>
      </c>
      <c r="AS20" s="480">
        <v>0</v>
      </c>
      <c r="AT20" s="480">
        <v>65842523548</v>
      </c>
      <c r="AU20" s="526">
        <v>26939093</v>
      </c>
      <c r="AV20" s="138">
        <v>2661507617</v>
      </c>
      <c r="AW20" s="480">
        <v>2501507617</v>
      </c>
      <c r="AX20" s="545">
        <v>0</v>
      </c>
      <c r="AY20" s="44">
        <v>10</v>
      </c>
      <c r="AZ20" s="64" t="s">
        <v>10</v>
      </c>
      <c r="BA20" s="480">
        <v>15033820700</v>
      </c>
      <c r="BB20" s="480">
        <v>13847028777</v>
      </c>
      <c r="BC20" s="480">
        <v>0</v>
      </c>
      <c r="BD20" s="169">
        <v>0.92110000000000003</v>
      </c>
      <c r="BE20" s="480">
        <v>5663975360</v>
      </c>
      <c r="BF20" s="480">
        <v>1367291485</v>
      </c>
      <c r="BG20" s="480">
        <v>0</v>
      </c>
      <c r="BH20" s="169">
        <v>0.2414</v>
      </c>
      <c r="BI20" s="266">
        <v>0</v>
      </c>
      <c r="BJ20" s="266">
        <v>0</v>
      </c>
      <c r="BK20" s="267">
        <v>0</v>
      </c>
    </row>
    <row r="21" spans="1:63" s="121" customFormat="1" ht="15" customHeight="1" x14ac:dyDescent="0.15">
      <c r="A21" s="44">
        <v>11</v>
      </c>
      <c r="B21" s="64" t="s">
        <v>11</v>
      </c>
      <c r="C21" s="480">
        <v>80818908</v>
      </c>
      <c r="D21" s="480">
        <v>3367232834</v>
      </c>
      <c r="E21" s="480">
        <v>30883659</v>
      </c>
      <c r="F21" s="129">
        <v>3398116493</v>
      </c>
      <c r="G21" s="480">
        <v>11126809</v>
      </c>
      <c r="H21" s="480">
        <v>472442638</v>
      </c>
      <c r="I21" s="480">
        <v>320052</v>
      </c>
      <c r="J21" s="480">
        <v>0</v>
      </c>
      <c r="K21" s="480">
        <v>11328760</v>
      </c>
      <c r="L21" s="130">
        <v>3300000</v>
      </c>
      <c r="M21" s="545">
        <v>366480</v>
      </c>
      <c r="N21" s="44">
        <v>11</v>
      </c>
      <c r="O21" s="64" t="s">
        <v>11</v>
      </c>
      <c r="P21" s="138">
        <v>3897001232</v>
      </c>
      <c r="Q21" s="138">
        <v>1163929814</v>
      </c>
      <c r="R21" s="138">
        <v>1901</v>
      </c>
      <c r="S21" s="138">
        <v>1163931715</v>
      </c>
      <c r="T21" s="138">
        <v>406699525</v>
      </c>
      <c r="U21" s="138">
        <v>1000</v>
      </c>
      <c r="V21" s="138">
        <v>406700525</v>
      </c>
      <c r="W21" s="480">
        <v>169333312</v>
      </c>
      <c r="X21" s="545">
        <v>0</v>
      </c>
      <c r="Y21" s="44">
        <v>11</v>
      </c>
      <c r="Z21" s="64" t="s">
        <v>11</v>
      </c>
      <c r="AA21" s="140" t="s">
        <v>460</v>
      </c>
      <c r="AB21" s="140" t="s">
        <v>460</v>
      </c>
      <c r="AC21" s="140" t="s">
        <v>460</v>
      </c>
      <c r="AD21" s="140" t="s">
        <v>460</v>
      </c>
      <c r="AE21" s="140" t="s">
        <v>460</v>
      </c>
      <c r="AF21" s="140" t="s">
        <v>460</v>
      </c>
      <c r="AG21" s="140" t="s">
        <v>460</v>
      </c>
      <c r="AH21" s="140" t="s">
        <v>460</v>
      </c>
      <c r="AI21" s="480">
        <v>31946753</v>
      </c>
      <c r="AJ21" s="545">
        <v>8587303</v>
      </c>
      <c r="AK21" s="44">
        <v>11</v>
      </c>
      <c r="AL21" s="64" t="s">
        <v>11</v>
      </c>
      <c r="AM21" s="546">
        <v>0</v>
      </c>
      <c r="AN21" s="480">
        <v>3356000</v>
      </c>
      <c r="AO21" s="130">
        <v>13069100</v>
      </c>
      <c r="AP21" s="547">
        <v>5774744848</v>
      </c>
      <c r="AQ21" s="480">
        <v>487</v>
      </c>
      <c r="AR21" s="480">
        <v>0</v>
      </c>
      <c r="AS21" s="480">
        <v>22200000</v>
      </c>
      <c r="AT21" s="480">
        <v>5796945335</v>
      </c>
      <c r="AU21" s="526">
        <v>-47055362</v>
      </c>
      <c r="AV21" s="138">
        <v>11744151</v>
      </c>
      <c r="AW21" s="480">
        <v>14889301</v>
      </c>
      <c r="AX21" s="545">
        <v>0</v>
      </c>
      <c r="AY21" s="44">
        <v>11</v>
      </c>
      <c r="AZ21" s="64" t="s">
        <v>11</v>
      </c>
      <c r="BA21" s="480">
        <v>1218746700</v>
      </c>
      <c r="BB21" s="480">
        <v>1120533830</v>
      </c>
      <c r="BC21" s="480">
        <v>0</v>
      </c>
      <c r="BD21" s="169">
        <v>0.9194</v>
      </c>
      <c r="BE21" s="480">
        <v>432000822</v>
      </c>
      <c r="BF21" s="480">
        <v>103816633</v>
      </c>
      <c r="BG21" s="480">
        <v>0</v>
      </c>
      <c r="BH21" s="169">
        <v>0.24030000000000001</v>
      </c>
      <c r="BI21" s="266">
        <v>0</v>
      </c>
      <c r="BJ21" s="266">
        <v>0</v>
      </c>
      <c r="BK21" s="267">
        <v>0</v>
      </c>
    </row>
    <row r="22" spans="1:63" s="121" customFormat="1" ht="15" customHeight="1" x14ac:dyDescent="0.15">
      <c r="A22" s="44">
        <v>12</v>
      </c>
      <c r="B22" s="64" t="s">
        <v>12</v>
      </c>
      <c r="C22" s="480">
        <v>339143216</v>
      </c>
      <c r="D22" s="480">
        <v>9578791219</v>
      </c>
      <c r="E22" s="480">
        <v>85039983</v>
      </c>
      <c r="F22" s="129">
        <v>9663831202</v>
      </c>
      <c r="G22" s="480">
        <v>30552159</v>
      </c>
      <c r="H22" s="480">
        <v>1391043835</v>
      </c>
      <c r="I22" s="480">
        <v>4495</v>
      </c>
      <c r="J22" s="480">
        <v>0</v>
      </c>
      <c r="K22" s="480">
        <v>30025100</v>
      </c>
      <c r="L22" s="130">
        <v>12100000</v>
      </c>
      <c r="M22" s="545">
        <v>213743</v>
      </c>
      <c r="N22" s="44">
        <v>12</v>
      </c>
      <c r="O22" s="64" t="s">
        <v>12</v>
      </c>
      <c r="P22" s="138">
        <v>11127770534</v>
      </c>
      <c r="Q22" s="138">
        <v>3055349980</v>
      </c>
      <c r="R22" s="138">
        <v>6790255</v>
      </c>
      <c r="S22" s="138">
        <v>3062140235</v>
      </c>
      <c r="T22" s="138">
        <v>1138175819</v>
      </c>
      <c r="U22" s="138">
        <v>65000</v>
      </c>
      <c r="V22" s="138">
        <v>1138240819</v>
      </c>
      <c r="W22" s="480">
        <v>364413831</v>
      </c>
      <c r="X22" s="545">
        <v>0</v>
      </c>
      <c r="Y22" s="44">
        <v>12</v>
      </c>
      <c r="Z22" s="64" t="s">
        <v>12</v>
      </c>
      <c r="AA22" s="140" t="s">
        <v>460</v>
      </c>
      <c r="AB22" s="140" t="s">
        <v>460</v>
      </c>
      <c r="AC22" s="140" t="s">
        <v>460</v>
      </c>
      <c r="AD22" s="140" t="s">
        <v>460</v>
      </c>
      <c r="AE22" s="140" t="s">
        <v>460</v>
      </c>
      <c r="AF22" s="140" t="s">
        <v>460</v>
      </c>
      <c r="AG22" s="140" t="s">
        <v>460</v>
      </c>
      <c r="AH22" s="140" t="s">
        <v>460</v>
      </c>
      <c r="AI22" s="480">
        <v>105226131</v>
      </c>
      <c r="AJ22" s="545">
        <v>52599228</v>
      </c>
      <c r="AK22" s="44">
        <v>12</v>
      </c>
      <c r="AL22" s="64" t="s">
        <v>12</v>
      </c>
      <c r="AM22" s="546">
        <v>0</v>
      </c>
      <c r="AN22" s="480">
        <v>0</v>
      </c>
      <c r="AO22" s="130">
        <v>29980211</v>
      </c>
      <c r="AP22" s="547">
        <v>16219514205</v>
      </c>
      <c r="AQ22" s="480">
        <v>26825866</v>
      </c>
      <c r="AR22" s="480">
        <v>0</v>
      </c>
      <c r="AS22" s="480">
        <v>0</v>
      </c>
      <c r="AT22" s="480">
        <v>16246340071</v>
      </c>
      <c r="AU22" s="526">
        <v>32262788</v>
      </c>
      <c r="AV22" s="138">
        <v>19765317</v>
      </c>
      <c r="AW22" s="480">
        <v>35001705</v>
      </c>
      <c r="AX22" s="545">
        <v>0</v>
      </c>
      <c r="AY22" s="44">
        <v>12</v>
      </c>
      <c r="AZ22" s="64" t="s">
        <v>12</v>
      </c>
      <c r="BA22" s="480">
        <v>3483318800</v>
      </c>
      <c r="BB22" s="480">
        <v>3187471078</v>
      </c>
      <c r="BC22" s="480">
        <v>0</v>
      </c>
      <c r="BD22" s="169">
        <v>0.91510000000000002</v>
      </c>
      <c r="BE22" s="480">
        <v>1106817292</v>
      </c>
      <c r="BF22" s="480">
        <v>170954906</v>
      </c>
      <c r="BG22" s="480">
        <v>0</v>
      </c>
      <c r="BH22" s="169">
        <v>0.1545</v>
      </c>
      <c r="BI22" s="266">
        <v>0</v>
      </c>
      <c r="BJ22" s="266">
        <v>9858</v>
      </c>
      <c r="BK22" s="267">
        <v>9858</v>
      </c>
    </row>
    <row r="23" spans="1:63" s="121" customFormat="1" ht="15" customHeight="1" x14ac:dyDescent="0.15">
      <c r="A23" s="44">
        <v>13</v>
      </c>
      <c r="B23" s="64" t="s">
        <v>13</v>
      </c>
      <c r="C23" s="480">
        <v>322002326</v>
      </c>
      <c r="D23" s="480">
        <v>12003607401</v>
      </c>
      <c r="E23" s="480">
        <v>118067013</v>
      </c>
      <c r="F23" s="129">
        <v>12121674414</v>
      </c>
      <c r="G23" s="480">
        <v>38586263</v>
      </c>
      <c r="H23" s="480">
        <v>1756351962</v>
      </c>
      <c r="I23" s="480">
        <v>624100</v>
      </c>
      <c r="J23" s="480">
        <v>8410</v>
      </c>
      <c r="K23" s="480">
        <v>82664209</v>
      </c>
      <c r="L23" s="130">
        <v>16100000</v>
      </c>
      <c r="M23" s="545">
        <v>1106798</v>
      </c>
      <c r="N23" s="44">
        <v>13</v>
      </c>
      <c r="O23" s="64" t="s">
        <v>13</v>
      </c>
      <c r="P23" s="138">
        <v>14017116156</v>
      </c>
      <c r="Q23" s="138">
        <v>4287070723</v>
      </c>
      <c r="R23" s="138">
        <v>320000</v>
      </c>
      <c r="S23" s="138">
        <v>4287390723</v>
      </c>
      <c r="T23" s="138">
        <v>1534440025</v>
      </c>
      <c r="U23" s="138">
        <v>128000</v>
      </c>
      <c r="V23" s="138">
        <v>1534568025</v>
      </c>
      <c r="W23" s="480">
        <v>558256070</v>
      </c>
      <c r="X23" s="545">
        <v>0</v>
      </c>
      <c r="Y23" s="44">
        <v>13</v>
      </c>
      <c r="Z23" s="64" t="s">
        <v>13</v>
      </c>
      <c r="AA23" s="140" t="s">
        <v>460</v>
      </c>
      <c r="AB23" s="140" t="s">
        <v>460</v>
      </c>
      <c r="AC23" s="140" t="s">
        <v>460</v>
      </c>
      <c r="AD23" s="140" t="s">
        <v>460</v>
      </c>
      <c r="AE23" s="140" t="s">
        <v>460</v>
      </c>
      <c r="AF23" s="140" t="s">
        <v>460</v>
      </c>
      <c r="AG23" s="140" t="s">
        <v>460</v>
      </c>
      <c r="AH23" s="140" t="s">
        <v>460</v>
      </c>
      <c r="AI23" s="480">
        <v>117503683</v>
      </c>
      <c r="AJ23" s="545">
        <v>66972809</v>
      </c>
      <c r="AK23" s="44">
        <v>13</v>
      </c>
      <c r="AL23" s="64" t="s">
        <v>13</v>
      </c>
      <c r="AM23" s="546">
        <v>0</v>
      </c>
      <c r="AN23" s="480">
        <v>0</v>
      </c>
      <c r="AO23" s="130">
        <v>24470966</v>
      </c>
      <c r="AP23" s="547">
        <v>20928280758</v>
      </c>
      <c r="AQ23" s="480">
        <v>34042471</v>
      </c>
      <c r="AR23" s="480">
        <v>0</v>
      </c>
      <c r="AS23" s="480">
        <v>0</v>
      </c>
      <c r="AT23" s="480">
        <v>20962323229</v>
      </c>
      <c r="AU23" s="526">
        <v>59585669</v>
      </c>
      <c r="AV23" s="138">
        <v>180417658</v>
      </c>
      <c r="AW23" s="480">
        <v>902966744</v>
      </c>
      <c r="AX23" s="545">
        <v>0</v>
      </c>
      <c r="AY23" s="44">
        <v>13</v>
      </c>
      <c r="AZ23" s="64" t="s">
        <v>13</v>
      </c>
      <c r="BA23" s="480">
        <v>4966969000</v>
      </c>
      <c r="BB23" s="480">
        <v>4663510399</v>
      </c>
      <c r="BC23" s="480">
        <v>0</v>
      </c>
      <c r="BD23" s="169">
        <v>0.93889999999999996</v>
      </c>
      <c r="BE23" s="480">
        <v>756666347</v>
      </c>
      <c r="BF23" s="480">
        <v>287912862</v>
      </c>
      <c r="BG23" s="480">
        <v>0</v>
      </c>
      <c r="BH23" s="169">
        <v>0.3805</v>
      </c>
      <c r="BI23" s="266">
        <v>0</v>
      </c>
      <c r="BJ23" s="266">
        <v>0</v>
      </c>
      <c r="BK23" s="267">
        <v>0</v>
      </c>
    </row>
    <row r="24" spans="1:63" s="121" customFormat="1" ht="15" customHeight="1" x14ac:dyDescent="0.15">
      <c r="A24" s="44">
        <v>14</v>
      </c>
      <c r="B24" s="64" t="s">
        <v>14</v>
      </c>
      <c r="C24" s="480">
        <v>221498344</v>
      </c>
      <c r="D24" s="480">
        <v>12022429071</v>
      </c>
      <c r="E24" s="480">
        <v>146286254</v>
      </c>
      <c r="F24" s="129">
        <v>12168715325</v>
      </c>
      <c r="G24" s="480">
        <v>41886528</v>
      </c>
      <c r="H24" s="480">
        <v>1816204021</v>
      </c>
      <c r="I24" s="480">
        <v>1753259</v>
      </c>
      <c r="J24" s="480">
        <v>6159465</v>
      </c>
      <c r="K24" s="480">
        <v>73019985</v>
      </c>
      <c r="L24" s="130">
        <v>15200000</v>
      </c>
      <c r="M24" s="545">
        <v>2567139</v>
      </c>
      <c r="N24" s="44">
        <v>14</v>
      </c>
      <c r="O24" s="64" t="s">
        <v>14</v>
      </c>
      <c r="P24" s="138">
        <v>14125505722</v>
      </c>
      <c r="Q24" s="138">
        <v>4271259158</v>
      </c>
      <c r="R24" s="138">
        <v>3169124</v>
      </c>
      <c r="S24" s="138">
        <v>4274428282</v>
      </c>
      <c r="T24" s="138">
        <v>1555176541</v>
      </c>
      <c r="U24" s="138">
        <v>1000</v>
      </c>
      <c r="V24" s="138">
        <v>1555177541</v>
      </c>
      <c r="W24" s="480">
        <v>611022619</v>
      </c>
      <c r="X24" s="545">
        <v>0</v>
      </c>
      <c r="Y24" s="44">
        <v>14</v>
      </c>
      <c r="Z24" s="64" t="s">
        <v>14</v>
      </c>
      <c r="AA24" s="140" t="s">
        <v>460</v>
      </c>
      <c r="AB24" s="140" t="s">
        <v>460</v>
      </c>
      <c r="AC24" s="140" t="s">
        <v>460</v>
      </c>
      <c r="AD24" s="140" t="s">
        <v>460</v>
      </c>
      <c r="AE24" s="140" t="s">
        <v>460</v>
      </c>
      <c r="AF24" s="140" t="s">
        <v>460</v>
      </c>
      <c r="AG24" s="140" t="s">
        <v>460</v>
      </c>
      <c r="AH24" s="140" t="s">
        <v>460</v>
      </c>
      <c r="AI24" s="480">
        <v>202128743</v>
      </c>
      <c r="AJ24" s="545">
        <v>8239562</v>
      </c>
      <c r="AK24" s="44">
        <v>14</v>
      </c>
      <c r="AL24" s="64" t="s">
        <v>14</v>
      </c>
      <c r="AM24" s="546">
        <v>0</v>
      </c>
      <c r="AN24" s="480">
        <v>14000000</v>
      </c>
      <c r="AO24" s="130">
        <v>32981427</v>
      </c>
      <c r="AP24" s="547">
        <v>21044982240</v>
      </c>
      <c r="AQ24" s="480">
        <v>206245120</v>
      </c>
      <c r="AR24" s="480">
        <v>0</v>
      </c>
      <c r="AS24" s="480">
        <v>0</v>
      </c>
      <c r="AT24" s="480">
        <v>21251227360</v>
      </c>
      <c r="AU24" s="526">
        <v>-200696011</v>
      </c>
      <c r="AV24" s="138">
        <v>41788825</v>
      </c>
      <c r="AW24" s="480">
        <v>425025315</v>
      </c>
      <c r="AX24" s="545">
        <v>0</v>
      </c>
      <c r="AY24" s="44">
        <v>14</v>
      </c>
      <c r="AZ24" s="64" t="s">
        <v>14</v>
      </c>
      <c r="BA24" s="480">
        <v>4781574800</v>
      </c>
      <c r="BB24" s="480">
        <v>4304133357</v>
      </c>
      <c r="BC24" s="480">
        <v>0</v>
      </c>
      <c r="BD24" s="169">
        <v>0.90010000000000001</v>
      </c>
      <c r="BE24" s="480">
        <v>1786842866</v>
      </c>
      <c r="BF24" s="480">
        <v>314303014</v>
      </c>
      <c r="BG24" s="480">
        <v>0</v>
      </c>
      <c r="BH24" s="169">
        <v>0.1759</v>
      </c>
      <c r="BI24" s="266">
        <v>0</v>
      </c>
      <c r="BJ24" s="266">
        <v>0</v>
      </c>
      <c r="BK24" s="267">
        <v>0</v>
      </c>
    </row>
    <row r="25" spans="1:63" s="121" customFormat="1" ht="15" customHeight="1" x14ac:dyDescent="0.15">
      <c r="A25" s="44">
        <v>15</v>
      </c>
      <c r="B25" s="64" t="s">
        <v>15</v>
      </c>
      <c r="C25" s="480">
        <v>149853101</v>
      </c>
      <c r="D25" s="480">
        <v>5491550000</v>
      </c>
      <c r="E25" s="480">
        <v>53727608</v>
      </c>
      <c r="F25" s="129">
        <v>5545277608</v>
      </c>
      <c r="G25" s="480">
        <v>16820878</v>
      </c>
      <c r="H25" s="480">
        <v>821825682</v>
      </c>
      <c r="I25" s="480">
        <v>500077</v>
      </c>
      <c r="J25" s="480">
        <v>0</v>
      </c>
      <c r="K25" s="480">
        <v>28124000</v>
      </c>
      <c r="L25" s="130">
        <v>6850000</v>
      </c>
      <c r="M25" s="545">
        <v>291528</v>
      </c>
      <c r="N25" s="44">
        <v>15</v>
      </c>
      <c r="O25" s="64" t="s">
        <v>15</v>
      </c>
      <c r="P25" s="138">
        <v>6419689773</v>
      </c>
      <c r="Q25" s="138">
        <v>1814532140</v>
      </c>
      <c r="R25" s="138">
        <v>6341957</v>
      </c>
      <c r="S25" s="138">
        <v>1820874097</v>
      </c>
      <c r="T25" s="138">
        <v>639015836</v>
      </c>
      <c r="U25" s="138">
        <v>339000</v>
      </c>
      <c r="V25" s="138">
        <v>639354836</v>
      </c>
      <c r="W25" s="480">
        <v>229064763</v>
      </c>
      <c r="X25" s="545">
        <v>0</v>
      </c>
      <c r="Y25" s="44">
        <v>15</v>
      </c>
      <c r="Z25" s="64" t="s">
        <v>15</v>
      </c>
      <c r="AA25" s="140" t="s">
        <v>460</v>
      </c>
      <c r="AB25" s="140" t="s">
        <v>460</v>
      </c>
      <c r="AC25" s="140" t="s">
        <v>460</v>
      </c>
      <c r="AD25" s="140" t="s">
        <v>460</v>
      </c>
      <c r="AE25" s="140" t="s">
        <v>460</v>
      </c>
      <c r="AF25" s="140" t="s">
        <v>460</v>
      </c>
      <c r="AG25" s="140" t="s">
        <v>460</v>
      </c>
      <c r="AH25" s="140" t="s">
        <v>460</v>
      </c>
      <c r="AI25" s="480">
        <v>74198311</v>
      </c>
      <c r="AJ25" s="545">
        <v>16692244</v>
      </c>
      <c r="AK25" s="44">
        <v>15</v>
      </c>
      <c r="AL25" s="64" t="s">
        <v>15</v>
      </c>
      <c r="AM25" s="546">
        <v>0</v>
      </c>
      <c r="AN25" s="480">
        <v>0</v>
      </c>
      <c r="AO25" s="130">
        <v>13731048</v>
      </c>
      <c r="AP25" s="547">
        <v>9363458173</v>
      </c>
      <c r="AQ25" s="480">
        <v>110335516</v>
      </c>
      <c r="AR25" s="480">
        <v>0</v>
      </c>
      <c r="AS25" s="480">
        <v>0</v>
      </c>
      <c r="AT25" s="480">
        <v>9473793689</v>
      </c>
      <c r="AU25" s="526">
        <v>-10943489</v>
      </c>
      <c r="AV25" s="138">
        <v>220039238</v>
      </c>
      <c r="AW25" s="480">
        <v>719038003</v>
      </c>
      <c r="AX25" s="545">
        <v>0</v>
      </c>
      <c r="AY25" s="44">
        <v>15</v>
      </c>
      <c r="AZ25" s="64" t="s">
        <v>15</v>
      </c>
      <c r="BA25" s="480">
        <v>2016102600</v>
      </c>
      <c r="BB25" s="480">
        <v>1903466808</v>
      </c>
      <c r="BC25" s="480">
        <v>0</v>
      </c>
      <c r="BD25" s="169">
        <v>0.94410000000000005</v>
      </c>
      <c r="BE25" s="480">
        <v>554994075</v>
      </c>
      <c r="BF25" s="480">
        <v>144058335</v>
      </c>
      <c r="BG25" s="480">
        <v>0</v>
      </c>
      <c r="BH25" s="169">
        <v>0.2596</v>
      </c>
      <c r="BI25" s="266">
        <v>0</v>
      </c>
      <c r="BJ25" s="266">
        <v>0</v>
      </c>
      <c r="BK25" s="267">
        <v>0</v>
      </c>
    </row>
    <row r="26" spans="1:63" s="121" customFormat="1" ht="15" customHeight="1" x14ac:dyDescent="0.15">
      <c r="A26" s="44">
        <v>16</v>
      </c>
      <c r="B26" s="64" t="s">
        <v>16</v>
      </c>
      <c r="C26" s="480">
        <v>204040240</v>
      </c>
      <c r="D26" s="480">
        <v>6692736433</v>
      </c>
      <c r="E26" s="480">
        <v>65083797</v>
      </c>
      <c r="F26" s="129">
        <v>6757820230</v>
      </c>
      <c r="G26" s="480">
        <v>19897589</v>
      </c>
      <c r="H26" s="480">
        <v>1004163457</v>
      </c>
      <c r="I26" s="480">
        <v>2179121</v>
      </c>
      <c r="J26" s="480">
        <v>0</v>
      </c>
      <c r="K26" s="480">
        <v>36808515</v>
      </c>
      <c r="L26" s="130">
        <v>8850000</v>
      </c>
      <c r="M26" s="545">
        <v>137224</v>
      </c>
      <c r="N26" s="44">
        <v>16</v>
      </c>
      <c r="O26" s="64" t="s">
        <v>16</v>
      </c>
      <c r="P26" s="138">
        <v>7829856136</v>
      </c>
      <c r="Q26" s="138">
        <v>2319455831</v>
      </c>
      <c r="R26" s="138">
        <v>0</v>
      </c>
      <c r="S26" s="138">
        <v>2319455831</v>
      </c>
      <c r="T26" s="138">
        <v>868993696</v>
      </c>
      <c r="U26" s="138">
        <v>0</v>
      </c>
      <c r="V26" s="138">
        <v>868993696</v>
      </c>
      <c r="W26" s="480">
        <v>311912173</v>
      </c>
      <c r="X26" s="545">
        <v>0</v>
      </c>
      <c r="Y26" s="44">
        <v>16</v>
      </c>
      <c r="Z26" s="64" t="s">
        <v>16</v>
      </c>
      <c r="AA26" s="140" t="s">
        <v>460</v>
      </c>
      <c r="AB26" s="140" t="s">
        <v>460</v>
      </c>
      <c r="AC26" s="140" t="s">
        <v>460</v>
      </c>
      <c r="AD26" s="140" t="s">
        <v>460</v>
      </c>
      <c r="AE26" s="140" t="s">
        <v>460</v>
      </c>
      <c r="AF26" s="140" t="s">
        <v>460</v>
      </c>
      <c r="AG26" s="140" t="s">
        <v>460</v>
      </c>
      <c r="AH26" s="140" t="s">
        <v>460</v>
      </c>
      <c r="AI26" s="480">
        <v>74240148</v>
      </c>
      <c r="AJ26" s="545">
        <v>22209018</v>
      </c>
      <c r="AK26" s="44">
        <v>16</v>
      </c>
      <c r="AL26" s="64" t="s">
        <v>16</v>
      </c>
      <c r="AM26" s="546">
        <v>0</v>
      </c>
      <c r="AN26" s="480">
        <v>0</v>
      </c>
      <c r="AO26" s="130">
        <v>18592580</v>
      </c>
      <c r="AP26" s="547">
        <v>11649299822</v>
      </c>
      <c r="AQ26" s="480">
        <v>6995769</v>
      </c>
      <c r="AR26" s="480">
        <v>0</v>
      </c>
      <c r="AS26" s="480">
        <v>0</v>
      </c>
      <c r="AT26" s="480">
        <v>11656295591</v>
      </c>
      <c r="AU26" s="526">
        <v>106938442</v>
      </c>
      <c r="AV26" s="138">
        <v>155654338</v>
      </c>
      <c r="AW26" s="480">
        <v>58069029</v>
      </c>
      <c r="AX26" s="545">
        <v>0</v>
      </c>
      <c r="AY26" s="44">
        <v>16</v>
      </c>
      <c r="AZ26" s="64" t="s">
        <v>16</v>
      </c>
      <c r="BA26" s="480">
        <v>2640987300</v>
      </c>
      <c r="BB26" s="480">
        <v>2402083260</v>
      </c>
      <c r="BC26" s="480">
        <v>1746900</v>
      </c>
      <c r="BD26" s="169">
        <v>0.91010000000000002</v>
      </c>
      <c r="BE26" s="480">
        <v>1276215134</v>
      </c>
      <c r="BF26" s="480">
        <v>119215517</v>
      </c>
      <c r="BG26" s="480">
        <v>6495186</v>
      </c>
      <c r="BH26" s="169">
        <v>9.3899999999999997E-2</v>
      </c>
      <c r="BI26" s="266">
        <v>0</v>
      </c>
      <c r="BJ26" s="266">
        <v>0</v>
      </c>
      <c r="BK26" s="267">
        <v>0</v>
      </c>
    </row>
    <row r="27" spans="1:63" s="121" customFormat="1" ht="15" customHeight="1" x14ac:dyDescent="0.15">
      <c r="A27" s="44">
        <v>17</v>
      </c>
      <c r="B27" s="64" t="s">
        <v>17</v>
      </c>
      <c r="C27" s="480">
        <v>274586284</v>
      </c>
      <c r="D27" s="480">
        <v>6841818290</v>
      </c>
      <c r="E27" s="480">
        <v>67279776</v>
      </c>
      <c r="F27" s="129">
        <v>6909098066</v>
      </c>
      <c r="G27" s="480">
        <v>22118648</v>
      </c>
      <c r="H27" s="480">
        <v>989697593</v>
      </c>
      <c r="I27" s="480">
        <v>358759</v>
      </c>
      <c r="J27" s="480">
        <v>0</v>
      </c>
      <c r="K27" s="480">
        <v>37793452</v>
      </c>
      <c r="L27" s="130">
        <v>9150000</v>
      </c>
      <c r="M27" s="545">
        <v>438899</v>
      </c>
      <c r="N27" s="44">
        <v>17</v>
      </c>
      <c r="O27" s="64" t="s">
        <v>17</v>
      </c>
      <c r="P27" s="138">
        <v>7968655417</v>
      </c>
      <c r="Q27" s="138">
        <v>2392466680</v>
      </c>
      <c r="R27" s="138">
        <v>17982</v>
      </c>
      <c r="S27" s="138">
        <v>2392484662</v>
      </c>
      <c r="T27" s="138">
        <v>869133951</v>
      </c>
      <c r="U27" s="138">
        <v>7044</v>
      </c>
      <c r="V27" s="138">
        <v>869140995</v>
      </c>
      <c r="W27" s="480">
        <v>331432427</v>
      </c>
      <c r="X27" s="545">
        <v>0</v>
      </c>
      <c r="Y27" s="44">
        <v>17</v>
      </c>
      <c r="Z27" s="64" t="s">
        <v>17</v>
      </c>
      <c r="AA27" s="140" t="s">
        <v>460</v>
      </c>
      <c r="AB27" s="140" t="s">
        <v>460</v>
      </c>
      <c r="AC27" s="140" t="s">
        <v>460</v>
      </c>
      <c r="AD27" s="140" t="s">
        <v>460</v>
      </c>
      <c r="AE27" s="140" t="s">
        <v>460</v>
      </c>
      <c r="AF27" s="140" t="s">
        <v>460</v>
      </c>
      <c r="AG27" s="140" t="s">
        <v>460</v>
      </c>
      <c r="AH27" s="140" t="s">
        <v>460</v>
      </c>
      <c r="AI27" s="480">
        <v>68035373</v>
      </c>
      <c r="AJ27" s="545">
        <v>8207605</v>
      </c>
      <c r="AK27" s="44">
        <v>17</v>
      </c>
      <c r="AL27" s="64" t="s">
        <v>17</v>
      </c>
      <c r="AM27" s="546">
        <v>0</v>
      </c>
      <c r="AN27" s="480">
        <v>0</v>
      </c>
      <c r="AO27" s="130">
        <v>23820010</v>
      </c>
      <c r="AP27" s="547">
        <v>11936362773</v>
      </c>
      <c r="AQ27" s="480">
        <v>4</v>
      </c>
      <c r="AR27" s="480">
        <v>0</v>
      </c>
      <c r="AS27" s="480">
        <v>143894</v>
      </c>
      <c r="AT27" s="480">
        <v>11936506671</v>
      </c>
      <c r="AU27" s="526">
        <v>82042643</v>
      </c>
      <c r="AV27" s="138">
        <v>129884146</v>
      </c>
      <c r="AW27" s="480">
        <v>557757</v>
      </c>
      <c r="AX27" s="545">
        <v>0</v>
      </c>
      <c r="AY27" s="44">
        <v>17</v>
      </c>
      <c r="AZ27" s="64" t="s">
        <v>17</v>
      </c>
      <c r="BA27" s="480">
        <v>2680692400</v>
      </c>
      <c r="BB27" s="480">
        <v>2423398674</v>
      </c>
      <c r="BC27" s="480">
        <v>1254400</v>
      </c>
      <c r="BD27" s="169">
        <v>0.90439999999999998</v>
      </c>
      <c r="BE27" s="480">
        <v>1051227941</v>
      </c>
      <c r="BF27" s="480">
        <v>201060025</v>
      </c>
      <c r="BG27" s="480">
        <v>0</v>
      </c>
      <c r="BH27" s="169">
        <v>0.1913</v>
      </c>
      <c r="BI27" s="266">
        <v>0</v>
      </c>
      <c r="BJ27" s="266">
        <v>0</v>
      </c>
      <c r="BK27" s="267">
        <v>0</v>
      </c>
    </row>
    <row r="28" spans="1:63" s="121" customFormat="1" ht="15" customHeight="1" x14ac:dyDescent="0.15">
      <c r="A28" s="44">
        <v>18</v>
      </c>
      <c r="B28" s="64" t="s">
        <v>18</v>
      </c>
      <c r="C28" s="480">
        <v>49415005</v>
      </c>
      <c r="D28" s="480">
        <v>2339749747</v>
      </c>
      <c r="E28" s="480">
        <v>23321170</v>
      </c>
      <c r="F28" s="129">
        <v>2363070917</v>
      </c>
      <c r="G28" s="480">
        <v>7726445</v>
      </c>
      <c r="H28" s="480">
        <v>344878519</v>
      </c>
      <c r="I28" s="480">
        <v>236534</v>
      </c>
      <c r="J28" s="480">
        <v>0</v>
      </c>
      <c r="K28" s="480">
        <v>4587220</v>
      </c>
      <c r="L28" s="130">
        <v>3150000</v>
      </c>
      <c r="M28" s="545">
        <v>0</v>
      </c>
      <c r="N28" s="44">
        <v>18</v>
      </c>
      <c r="O28" s="64" t="s">
        <v>18</v>
      </c>
      <c r="P28" s="138">
        <v>2723649635</v>
      </c>
      <c r="Q28" s="138">
        <v>755771264</v>
      </c>
      <c r="R28" s="138">
        <v>3318041</v>
      </c>
      <c r="S28" s="138">
        <v>759089305</v>
      </c>
      <c r="T28" s="138">
        <v>263447223</v>
      </c>
      <c r="U28" s="138">
        <v>317000</v>
      </c>
      <c r="V28" s="138">
        <v>263764223</v>
      </c>
      <c r="W28" s="480">
        <v>93781977</v>
      </c>
      <c r="X28" s="545">
        <v>0</v>
      </c>
      <c r="Y28" s="44">
        <v>18</v>
      </c>
      <c r="Z28" s="64" t="s">
        <v>18</v>
      </c>
      <c r="AA28" s="140" t="s">
        <v>460</v>
      </c>
      <c r="AB28" s="140" t="s">
        <v>460</v>
      </c>
      <c r="AC28" s="140" t="s">
        <v>460</v>
      </c>
      <c r="AD28" s="140" t="s">
        <v>460</v>
      </c>
      <c r="AE28" s="140" t="s">
        <v>460</v>
      </c>
      <c r="AF28" s="140" t="s">
        <v>460</v>
      </c>
      <c r="AG28" s="140" t="s">
        <v>460</v>
      </c>
      <c r="AH28" s="140" t="s">
        <v>460</v>
      </c>
      <c r="AI28" s="480">
        <v>28542668</v>
      </c>
      <c r="AJ28" s="545">
        <v>2215500</v>
      </c>
      <c r="AK28" s="44">
        <v>18</v>
      </c>
      <c r="AL28" s="64" t="s">
        <v>18</v>
      </c>
      <c r="AM28" s="546">
        <v>0</v>
      </c>
      <c r="AN28" s="480">
        <v>0</v>
      </c>
      <c r="AO28" s="130">
        <v>4765200</v>
      </c>
      <c r="AP28" s="547">
        <v>3925223513</v>
      </c>
      <c r="AQ28" s="480">
        <v>34000000</v>
      </c>
      <c r="AR28" s="480">
        <v>0</v>
      </c>
      <c r="AS28" s="480">
        <v>0</v>
      </c>
      <c r="AT28" s="480">
        <v>3959223513</v>
      </c>
      <c r="AU28" s="526">
        <v>45665622</v>
      </c>
      <c r="AV28" s="138">
        <v>51156952</v>
      </c>
      <c r="AW28" s="480">
        <v>284489896</v>
      </c>
      <c r="AX28" s="545">
        <v>0</v>
      </c>
      <c r="AY28" s="44">
        <v>18</v>
      </c>
      <c r="AZ28" s="64" t="s">
        <v>18</v>
      </c>
      <c r="BA28" s="480">
        <v>927072700</v>
      </c>
      <c r="BB28" s="480">
        <v>856843960</v>
      </c>
      <c r="BC28" s="480">
        <v>0</v>
      </c>
      <c r="BD28" s="169">
        <v>0.92420000000000002</v>
      </c>
      <c r="BE28" s="480">
        <v>301050730</v>
      </c>
      <c r="BF28" s="480">
        <v>61090141</v>
      </c>
      <c r="BG28" s="480">
        <v>0</v>
      </c>
      <c r="BH28" s="169">
        <v>0.2029</v>
      </c>
      <c r="BI28" s="266">
        <v>0</v>
      </c>
      <c r="BJ28" s="266">
        <v>0</v>
      </c>
      <c r="BK28" s="267">
        <v>0</v>
      </c>
    </row>
    <row r="29" spans="1:63" s="121" customFormat="1" ht="15" customHeight="1" x14ac:dyDescent="0.15">
      <c r="A29" s="44">
        <v>19</v>
      </c>
      <c r="B29" s="64" t="s">
        <v>20</v>
      </c>
      <c r="C29" s="480">
        <v>62636906</v>
      </c>
      <c r="D29" s="480">
        <v>1796008551</v>
      </c>
      <c r="E29" s="480">
        <v>24010542</v>
      </c>
      <c r="F29" s="129">
        <v>1820019093</v>
      </c>
      <c r="G29" s="480">
        <v>9342884</v>
      </c>
      <c r="H29" s="480">
        <v>239130289</v>
      </c>
      <c r="I29" s="480">
        <v>169599</v>
      </c>
      <c r="J29" s="480">
        <v>26690</v>
      </c>
      <c r="K29" s="480">
        <v>9628000</v>
      </c>
      <c r="L29" s="130">
        <v>2200000</v>
      </c>
      <c r="M29" s="545">
        <v>0</v>
      </c>
      <c r="N29" s="44">
        <v>19</v>
      </c>
      <c r="O29" s="64" t="s">
        <v>20</v>
      </c>
      <c r="P29" s="138">
        <v>2080516555</v>
      </c>
      <c r="Q29" s="138">
        <v>640751594</v>
      </c>
      <c r="R29" s="138">
        <v>13000</v>
      </c>
      <c r="S29" s="138">
        <v>640764594</v>
      </c>
      <c r="T29" s="138">
        <v>255884760</v>
      </c>
      <c r="U29" s="138">
        <v>7000</v>
      </c>
      <c r="V29" s="138">
        <v>255891760</v>
      </c>
      <c r="W29" s="480">
        <v>103553880</v>
      </c>
      <c r="X29" s="545">
        <v>0</v>
      </c>
      <c r="Y29" s="44">
        <v>19</v>
      </c>
      <c r="Z29" s="64" t="s">
        <v>20</v>
      </c>
      <c r="AA29" s="140" t="s">
        <v>460</v>
      </c>
      <c r="AB29" s="140" t="s">
        <v>460</v>
      </c>
      <c r="AC29" s="140" t="s">
        <v>460</v>
      </c>
      <c r="AD29" s="140" t="s">
        <v>460</v>
      </c>
      <c r="AE29" s="140" t="s">
        <v>460</v>
      </c>
      <c r="AF29" s="140" t="s">
        <v>460</v>
      </c>
      <c r="AG29" s="140" t="s">
        <v>460</v>
      </c>
      <c r="AH29" s="140" t="s">
        <v>460</v>
      </c>
      <c r="AI29" s="480">
        <v>15849213</v>
      </c>
      <c r="AJ29" s="545">
        <v>47319</v>
      </c>
      <c r="AK29" s="44">
        <v>19</v>
      </c>
      <c r="AL29" s="64" t="s">
        <v>20</v>
      </c>
      <c r="AM29" s="546">
        <v>0</v>
      </c>
      <c r="AN29" s="480">
        <v>0</v>
      </c>
      <c r="AO29" s="130">
        <v>7499283</v>
      </c>
      <c r="AP29" s="547">
        <v>3166759510</v>
      </c>
      <c r="AQ29" s="480">
        <v>70003675</v>
      </c>
      <c r="AR29" s="480">
        <v>0</v>
      </c>
      <c r="AS29" s="480">
        <v>0</v>
      </c>
      <c r="AT29" s="480">
        <v>3236763185</v>
      </c>
      <c r="AU29" s="526">
        <v>4745167</v>
      </c>
      <c r="AV29" s="138">
        <v>94443081</v>
      </c>
      <c r="AW29" s="480">
        <v>74299759</v>
      </c>
      <c r="AX29" s="545">
        <v>0</v>
      </c>
      <c r="AY29" s="44">
        <v>19</v>
      </c>
      <c r="AZ29" s="64" t="s">
        <v>20</v>
      </c>
      <c r="BA29" s="480">
        <v>744216674</v>
      </c>
      <c r="BB29" s="480">
        <v>706029958</v>
      </c>
      <c r="BC29" s="480">
        <v>0</v>
      </c>
      <c r="BD29" s="169">
        <v>0.94869999999999999</v>
      </c>
      <c r="BE29" s="480">
        <v>94345314</v>
      </c>
      <c r="BF29" s="480">
        <v>29397411</v>
      </c>
      <c r="BG29" s="480">
        <v>0</v>
      </c>
      <c r="BH29" s="169">
        <v>0.31159999999999999</v>
      </c>
      <c r="BI29" s="266">
        <v>0</v>
      </c>
      <c r="BJ29" s="266">
        <v>0</v>
      </c>
      <c r="BK29" s="267">
        <v>0</v>
      </c>
    </row>
    <row r="30" spans="1:63" s="121" customFormat="1" ht="15" customHeight="1" x14ac:dyDescent="0.15">
      <c r="A30" s="44">
        <v>20</v>
      </c>
      <c r="B30" s="64" t="s">
        <v>21</v>
      </c>
      <c r="C30" s="480">
        <v>70671225</v>
      </c>
      <c r="D30" s="480">
        <v>2749264462</v>
      </c>
      <c r="E30" s="480">
        <v>26093221</v>
      </c>
      <c r="F30" s="129">
        <v>2775357683</v>
      </c>
      <c r="G30" s="480">
        <v>12816101</v>
      </c>
      <c r="H30" s="480">
        <v>407122585</v>
      </c>
      <c r="I30" s="480">
        <v>579128</v>
      </c>
      <c r="J30" s="480">
        <v>147056</v>
      </c>
      <c r="K30" s="480">
        <v>14331710</v>
      </c>
      <c r="L30" s="130">
        <v>3050000</v>
      </c>
      <c r="M30" s="545">
        <v>63657</v>
      </c>
      <c r="N30" s="116">
        <v>20</v>
      </c>
      <c r="O30" s="64" t="s">
        <v>21</v>
      </c>
      <c r="P30" s="138">
        <v>3213467920</v>
      </c>
      <c r="Q30" s="138">
        <v>909635416</v>
      </c>
      <c r="R30" s="138">
        <v>149000</v>
      </c>
      <c r="S30" s="138">
        <v>909784416</v>
      </c>
      <c r="T30" s="138">
        <v>319206131</v>
      </c>
      <c r="U30" s="138">
        <v>61000</v>
      </c>
      <c r="V30" s="138">
        <v>319267131</v>
      </c>
      <c r="W30" s="480">
        <v>114166733</v>
      </c>
      <c r="X30" s="545">
        <v>0</v>
      </c>
      <c r="Y30" s="44">
        <v>20</v>
      </c>
      <c r="Z30" s="64" t="s">
        <v>21</v>
      </c>
      <c r="AA30" s="140" t="s">
        <v>460</v>
      </c>
      <c r="AB30" s="140" t="s">
        <v>460</v>
      </c>
      <c r="AC30" s="140" t="s">
        <v>460</v>
      </c>
      <c r="AD30" s="140" t="s">
        <v>460</v>
      </c>
      <c r="AE30" s="140" t="s">
        <v>460</v>
      </c>
      <c r="AF30" s="140" t="s">
        <v>460</v>
      </c>
      <c r="AG30" s="140" t="s">
        <v>460</v>
      </c>
      <c r="AH30" s="140" t="s">
        <v>460</v>
      </c>
      <c r="AI30" s="480">
        <v>44401704</v>
      </c>
      <c r="AJ30" s="545">
        <v>811030</v>
      </c>
      <c r="AK30" s="116">
        <v>20</v>
      </c>
      <c r="AL30" s="64" t="s">
        <v>21</v>
      </c>
      <c r="AM30" s="546">
        <v>0</v>
      </c>
      <c r="AN30" s="480">
        <v>0</v>
      </c>
      <c r="AO30" s="130">
        <v>4624815</v>
      </c>
      <c r="AP30" s="547">
        <v>4677194974</v>
      </c>
      <c r="AQ30" s="480">
        <v>54379353</v>
      </c>
      <c r="AR30" s="480">
        <v>0</v>
      </c>
      <c r="AS30" s="480">
        <v>0</v>
      </c>
      <c r="AT30" s="480">
        <v>4731574327</v>
      </c>
      <c r="AU30" s="526">
        <v>-1143524</v>
      </c>
      <c r="AV30" s="138">
        <v>202027254</v>
      </c>
      <c r="AW30" s="480">
        <v>592166067</v>
      </c>
      <c r="AX30" s="545">
        <v>0</v>
      </c>
      <c r="AY30" s="44">
        <v>20</v>
      </c>
      <c r="AZ30" s="64" t="s">
        <v>21</v>
      </c>
      <c r="BA30" s="480">
        <v>1076323240</v>
      </c>
      <c r="BB30" s="480">
        <v>998495688</v>
      </c>
      <c r="BC30" s="480">
        <v>0</v>
      </c>
      <c r="BD30" s="169">
        <v>0.92769999999999997</v>
      </c>
      <c r="BE30" s="480">
        <v>201907238</v>
      </c>
      <c r="BF30" s="480">
        <v>48549762</v>
      </c>
      <c r="BG30" s="480">
        <v>0</v>
      </c>
      <c r="BH30" s="169">
        <v>0.24049999999999999</v>
      </c>
      <c r="BI30" s="266">
        <v>0</v>
      </c>
      <c r="BJ30" s="266">
        <v>0</v>
      </c>
      <c r="BK30" s="267">
        <v>0</v>
      </c>
    </row>
    <row r="31" spans="1:63" s="1229" customFormat="1" ht="15" customHeight="1" x14ac:dyDescent="0.15">
      <c r="A31" s="116">
        <v>21</v>
      </c>
      <c r="B31" s="64" t="s">
        <v>19</v>
      </c>
      <c r="C31" s="548">
        <v>122128760</v>
      </c>
      <c r="D31" s="489">
        <v>4808234927</v>
      </c>
      <c r="E31" s="489">
        <v>49060000</v>
      </c>
      <c r="F31" s="129">
        <v>4857294927</v>
      </c>
      <c r="G31" s="489">
        <v>14557736</v>
      </c>
      <c r="H31" s="489">
        <v>728693718</v>
      </c>
      <c r="I31" s="489">
        <v>776430</v>
      </c>
      <c r="J31" s="489">
        <v>0</v>
      </c>
      <c r="K31" s="489">
        <v>33070870</v>
      </c>
      <c r="L31" s="489">
        <v>5800000</v>
      </c>
      <c r="M31" s="549">
        <v>184071</v>
      </c>
      <c r="N31" s="116">
        <v>21</v>
      </c>
      <c r="O31" s="64" t="s">
        <v>19</v>
      </c>
      <c r="P31" s="550">
        <v>5640377752</v>
      </c>
      <c r="Q31" s="452">
        <v>1596549924</v>
      </c>
      <c r="R31" s="451">
        <v>499000</v>
      </c>
      <c r="S31" s="138">
        <v>1597048924</v>
      </c>
      <c r="T31" s="451">
        <v>587604211</v>
      </c>
      <c r="U31" s="451">
        <v>132000</v>
      </c>
      <c r="V31" s="138">
        <v>587736211</v>
      </c>
      <c r="W31" s="489">
        <v>210890338</v>
      </c>
      <c r="X31" s="549">
        <v>0</v>
      </c>
      <c r="Y31" s="116">
        <v>21</v>
      </c>
      <c r="Z31" s="64" t="s">
        <v>19</v>
      </c>
      <c r="AA31" s="139" t="s">
        <v>460</v>
      </c>
      <c r="AB31" s="139" t="s">
        <v>460</v>
      </c>
      <c r="AC31" s="139" t="s">
        <v>460</v>
      </c>
      <c r="AD31" s="139" t="s">
        <v>460</v>
      </c>
      <c r="AE31" s="139" t="s">
        <v>460</v>
      </c>
      <c r="AF31" s="139" t="s">
        <v>460</v>
      </c>
      <c r="AG31" s="139" t="s">
        <v>460</v>
      </c>
      <c r="AH31" s="139" t="s">
        <v>460</v>
      </c>
      <c r="AI31" s="489">
        <v>53674322</v>
      </c>
      <c r="AJ31" s="549">
        <v>9495221</v>
      </c>
      <c r="AK31" s="116">
        <v>21</v>
      </c>
      <c r="AL31" s="118" t="s">
        <v>19</v>
      </c>
      <c r="AM31" s="551">
        <v>0</v>
      </c>
      <c r="AN31" s="489">
        <v>0</v>
      </c>
      <c r="AO31" s="489">
        <v>8852008</v>
      </c>
      <c r="AP31" s="552">
        <v>8230203536</v>
      </c>
      <c r="AQ31" s="489">
        <v>1002076</v>
      </c>
      <c r="AR31" s="489">
        <v>0</v>
      </c>
      <c r="AS31" s="489">
        <v>0</v>
      </c>
      <c r="AT31" s="489">
        <v>8231205612</v>
      </c>
      <c r="AU31" s="515">
        <v>15506076</v>
      </c>
      <c r="AV31" s="452">
        <v>24504000</v>
      </c>
      <c r="AW31" s="489">
        <v>26014874</v>
      </c>
      <c r="AX31" s="549">
        <v>0</v>
      </c>
      <c r="AY31" s="116">
        <v>21</v>
      </c>
      <c r="AZ31" s="64" t="s">
        <v>19</v>
      </c>
      <c r="BA31" s="480">
        <v>1674147800</v>
      </c>
      <c r="BB31" s="480">
        <v>1545009164</v>
      </c>
      <c r="BC31" s="480">
        <v>0</v>
      </c>
      <c r="BD31" s="169">
        <v>0.92290000000000005</v>
      </c>
      <c r="BE31" s="480">
        <v>538461316</v>
      </c>
      <c r="BF31" s="480">
        <v>124557593</v>
      </c>
      <c r="BG31" s="480">
        <v>0</v>
      </c>
      <c r="BH31" s="169">
        <v>0.23130000000000001</v>
      </c>
      <c r="BI31" s="266">
        <v>0</v>
      </c>
      <c r="BJ31" s="266">
        <v>0</v>
      </c>
      <c r="BK31" s="267">
        <v>0</v>
      </c>
    </row>
    <row r="32" spans="1:63" s="1231" customFormat="1" ht="15" customHeight="1" x14ac:dyDescent="0.15">
      <c r="A32" s="116">
        <v>22</v>
      </c>
      <c r="B32" s="118" t="s">
        <v>22</v>
      </c>
      <c r="C32" s="489">
        <v>39053565</v>
      </c>
      <c r="D32" s="489">
        <v>2090509344</v>
      </c>
      <c r="E32" s="489">
        <v>16588961</v>
      </c>
      <c r="F32" s="129">
        <v>2107098305</v>
      </c>
      <c r="G32" s="489">
        <v>6695231</v>
      </c>
      <c r="H32" s="489">
        <v>313654446</v>
      </c>
      <c r="I32" s="489">
        <v>278343</v>
      </c>
      <c r="J32" s="489">
        <v>0</v>
      </c>
      <c r="K32" s="489">
        <v>7140000</v>
      </c>
      <c r="L32" s="490">
        <v>2700000</v>
      </c>
      <c r="M32" s="549">
        <v>0</v>
      </c>
      <c r="N32" s="116">
        <v>22</v>
      </c>
      <c r="O32" s="118" t="s">
        <v>22</v>
      </c>
      <c r="P32" s="451">
        <v>2437566325</v>
      </c>
      <c r="Q32" s="451">
        <v>671652095</v>
      </c>
      <c r="R32" s="451">
        <v>1000</v>
      </c>
      <c r="S32" s="138">
        <v>671653095</v>
      </c>
      <c r="T32" s="451">
        <v>241831481</v>
      </c>
      <c r="U32" s="451">
        <v>1000</v>
      </c>
      <c r="V32" s="138">
        <v>241832481</v>
      </c>
      <c r="W32" s="489">
        <v>83337283</v>
      </c>
      <c r="X32" s="549">
        <v>0</v>
      </c>
      <c r="Y32" s="116">
        <v>22</v>
      </c>
      <c r="Z32" s="118" t="s">
        <v>22</v>
      </c>
      <c r="AA32" s="139" t="s">
        <v>460</v>
      </c>
      <c r="AB32" s="139" t="s">
        <v>460</v>
      </c>
      <c r="AC32" s="139" t="s">
        <v>460</v>
      </c>
      <c r="AD32" s="139" t="s">
        <v>460</v>
      </c>
      <c r="AE32" s="139" t="s">
        <v>460</v>
      </c>
      <c r="AF32" s="139" t="s">
        <v>460</v>
      </c>
      <c r="AG32" s="139" t="s">
        <v>460</v>
      </c>
      <c r="AH32" s="139" t="s">
        <v>460</v>
      </c>
      <c r="AI32" s="489">
        <v>23186853</v>
      </c>
      <c r="AJ32" s="549">
        <v>0</v>
      </c>
      <c r="AK32" s="116">
        <v>22</v>
      </c>
      <c r="AL32" s="118" t="s">
        <v>22</v>
      </c>
      <c r="AM32" s="551">
        <v>0</v>
      </c>
      <c r="AN32" s="489">
        <v>0</v>
      </c>
      <c r="AO32" s="490">
        <v>16889120</v>
      </c>
      <c r="AP32" s="552">
        <v>3513518722</v>
      </c>
      <c r="AQ32" s="489">
        <v>9861363</v>
      </c>
      <c r="AR32" s="489">
        <v>0</v>
      </c>
      <c r="AS32" s="489">
        <v>0</v>
      </c>
      <c r="AT32" s="489">
        <v>3523380085</v>
      </c>
      <c r="AU32" s="515">
        <v>17427425</v>
      </c>
      <c r="AV32" s="451">
        <v>71910190</v>
      </c>
      <c r="AW32" s="489">
        <v>130134122</v>
      </c>
      <c r="AX32" s="549">
        <v>0</v>
      </c>
      <c r="AY32" s="116">
        <v>22</v>
      </c>
      <c r="AZ32" s="118" t="s">
        <v>22</v>
      </c>
      <c r="BA32" s="489">
        <v>815115500</v>
      </c>
      <c r="BB32" s="489">
        <v>775390048</v>
      </c>
      <c r="BC32" s="489">
        <v>0</v>
      </c>
      <c r="BD32" s="169">
        <v>0.95130000000000003</v>
      </c>
      <c r="BE32" s="489">
        <v>158935074</v>
      </c>
      <c r="BF32" s="489">
        <v>42123050</v>
      </c>
      <c r="BG32" s="489">
        <v>0</v>
      </c>
      <c r="BH32" s="169">
        <v>0.26500000000000001</v>
      </c>
      <c r="BI32" s="553">
        <v>0</v>
      </c>
      <c r="BJ32" s="553">
        <v>0</v>
      </c>
      <c r="BK32" s="268">
        <v>0</v>
      </c>
    </row>
    <row r="33" spans="1:63" s="121" customFormat="1" ht="15" customHeight="1" x14ac:dyDescent="0.15">
      <c r="A33" s="116">
        <v>23</v>
      </c>
      <c r="B33" s="64" t="s">
        <v>23</v>
      </c>
      <c r="C33" s="480">
        <v>36953460</v>
      </c>
      <c r="D33" s="480">
        <v>1608820210</v>
      </c>
      <c r="E33" s="480">
        <v>13398345</v>
      </c>
      <c r="F33" s="129">
        <v>1622218555</v>
      </c>
      <c r="G33" s="480">
        <v>5307824</v>
      </c>
      <c r="H33" s="480">
        <v>228257268</v>
      </c>
      <c r="I33" s="480">
        <v>66087</v>
      </c>
      <c r="J33" s="480">
        <v>0</v>
      </c>
      <c r="K33" s="480">
        <v>8403990</v>
      </c>
      <c r="L33" s="130">
        <v>2300000</v>
      </c>
      <c r="M33" s="545">
        <v>55362</v>
      </c>
      <c r="N33" s="44">
        <v>23</v>
      </c>
      <c r="O33" s="64" t="s">
        <v>23</v>
      </c>
      <c r="P33" s="138">
        <v>1866609086</v>
      </c>
      <c r="Q33" s="138">
        <v>543311185</v>
      </c>
      <c r="R33" s="138">
        <v>1000</v>
      </c>
      <c r="S33" s="138">
        <v>543312185</v>
      </c>
      <c r="T33" s="138">
        <v>194270720</v>
      </c>
      <c r="U33" s="138">
        <v>1000</v>
      </c>
      <c r="V33" s="138">
        <v>194271720</v>
      </c>
      <c r="W33" s="480">
        <v>70561028</v>
      </c>
      <c r="X33" s="545">
        <v>0</v>
      </c>
      <c r="Y33" s="116">
        <v>23</v>
      </c>
      <c r="Z33" s="64" t="s">
        <v>23</v>
      </c>
      <c r="AA33" s="140" t="s">
        <v>460</v>
      </c>
      <c r="AB33" s="140" t="s">
        <v>460</v>
      </c>
      <c r="AC33" s="140" t="s">
        <v>460</v>
      </c>
      <c r="AD33" s="140" t="s">
        <v>460</v>
      </c>
      <c r="AE33" s="140" t="s">
        <v>460</v>
      </c>
      <c r="AF33" s="140" t="s">
        <v>460</v>
      </c>
      <c r="AG33" s="140" t="s">
        <v>460</v>
      </c>
      <c r="AH33" s="140" t="s">
        <v>460</v>
      </c>
      <c r="AI33" s="480">
        <v>24372584</v>
      </c>
      <c r="AJ33" s="545">
        <v>627251</v>
      </c>
      <c r="AK33" s="116">
        <v>23</v>
      </c>
      <c r="AL33" s="64" t="s">
        <v>23</v>
      </c>
      <c r="AM33" s="546">
        <v>0</v>
      </c>
      <c r="AN33" s="480">
        <v>0</v>
      </c>
      <c r="AO33" s="130">
        <v>8917610</v>
      </c>
      <c r="AP33" s="547">
        <v>2745624924</v>
      </c>
      <c r="AQ33" s="480">
        <v>40007957</v>
      </c>
      <c r="AR33" s="480">
        <v>0</v>
      </c>
      <c r="AS33" s="480">
        <v>18800000</v>
      </c>
      <c r="AT33" s="480">
        <v>2804432881</v>
      </c>
      <c r="AU33" s="526">
        <v>49746837</v>
      </c>
      <c r="AV33" s="138">
        <v>27205356</v>
      </c>
      <c r="AW33" s="480">
        <v>130491208</v>
      </c>
      <c r="AX33" s="545">
        <v>0</v>
      </c>
      <c r="AY33" s="44">
        <v>23</v>
      </c>
      <c r="AZ33" s="64" t="s">
        <v>23</v>
      </c>
      <c r="BA33" s="480">
        <v>694246200</v>
      </c>
      <c r="BB33" s="480">
        <v>653247069</v>
      </c>
      <c r="BC33" s="480">
        <v>0</v>
      </c>
      <c r="BD33" s="169">
        <v>0.94089999999999996</v>
      </c>
      <c r="BE33" s="480">
        <v>146065415</v>
      </c>
      <c r="BF33" s="480">
        <v>26155138</v>
      </c>
      <c r="BG33" s="480">
        <v>0</v>
      </c>
      <c r="BH33" s="169">
        <v>0.17910000000000001</v>
      </c>
      <c r="BI33" s="266">
        <v>0</v>
      </c>
      <c r="BJ33" s="266">
        <v>0</v>
      </c>
      <c r="BK33" s="267">
        <v>0</v>
      </c>
    </row>
    <row r="34" spans="1:63" s="121" customFormat="1" ht="15" customHeight="1" x14ac:dyDescent="0.15">
      <c r="A34" s="44">
        <v>24</v>
      </c>
      <c r="B34" s="64" t="s">
        <v>24</v>
      </c>
      <c r="C34" s="480">
        <v>21456355</v>
      </c>
      <c r="D34" s="480">
        <v>675264832</v>
      </c>
      <c r="E34" s="480">
        <v>4234384</v>
      </c>
      <c r="F34" s="129">
        <v>679499216</v>
      </c>
      <c r="G34" s="480">
        <v>2080012</v>
      </c>
      <c r="H34" s="480">
        <v>96070067</v>
      </c>
      <c r="I34" s="480">
        <v>114895</v>
      </c>
      <c r="J34" s="480">
        <v>0</v>
      </c>
      <c r="K34" s="480">
        <v>820000</v>
      </c>
      <c r="L34" s="130">
        <v>800000</v>
      </c>
      <c r="M34" s="545">
        <v>0</v>
      </c>
      <c r="N34" s="44">
        <v>24</v>
      </c>
      <c r="O34" s="64" t="s">
        <v>24</v>
      </c>
      <c r="P34" s="138">
        <v>779384190</v>
      </c>
      <c r="Q34" s="138">
        <v>198237341</v>
      </c>
      <c r="R34" s="138">
        <v>1000</v>
      </c>
      <c r="S34" s="138">
        <v>198238341</v>
      </c>
      <c r="T34" s="138">
        <v>74709784</v>
      </c>
      <c r="U34" s="138">
        <v>1000</v>
      </c>
      <c r="V34" s="138">
        <v>74710784</v>
      </c>
      <c r="W34" s="480">
        <v>22774030</v>
      </c>
      <c r="X34" s="545">
        <v>0</v>
      </c>
      <c r="Y34" s="44">
        <v>24</v>
      </c>
      <c r="Z34" s="64" t="s">
        <v>24</v>
      </c>
      <c r="AA34" s="140" t="s">
        <v>460</v>
      </c>
      <c r="AB34" s="140" t="s">
        <v>460</v>
      </c>
      <c r="AC34" s="140" t="s">
        <v>460</v>
      </c>
      <c r="AD34" s="140" t="s">
        <v>460</v>
      </c>
      <c r="AE34" s="140" t="s">
        <v>460</v>
      </c>
      <c r="AF34" s="140" t="s">
        <v>460</v>
      </c>
      <c r="AG34" s="140" t="s">
        <v>460</v>
      </c>
      <c r="AH34" s="140" t="s">
        <v>460</v>
      </c>
      <c r="AI34" s="480">
        <v>5094577</v>
      </c>
      <c r="AJ34" s="545">
        <v>2335094</v>
      </c>
      <c r="AK34" s="44">
        <v>24</v>
      </c>
      <c r="AL34" s="64" t="s">
        <v>24</v>
      </c>
      <c r="AM34" s="546">
        <v>0</v>
      </c>
      <c r="AN34" s="480">
        <v>0</v>
      </c>
      <c r="AO34" s="130">
        <v>1850406</v>
      </c>
      <c r="AP34" s="547">
        <v>1105843777</v>
      </c>
      <c r="AQ34" s="480">
        <v>0</v>
      </c>
      <c r="AR34" s="480">
        <v>0</v>
      </c>
      <c r="AS34" s="480">
        <v>0</v>
      </c>
      <c r="AT34" s="480">
        <v>1105843777</v>
      </c>
      <c r="AU34" s="526">
        <v>23422706</v>
      </c>
      <c r="AV34" s="138">
        <v>28124707</v>
      </c>
      <c r="AW34" s="480">
        <v>168877630</v>
      </c>
      <c r="AX34" s="545">
        <v>0</v>
      </c>
      <c r="AY34" s="44">
        <v>24</v>
      </c>
      <c r="AZ34" s="64" t="s">
        <v>24</v>
      </c>
      <c r="BA34" s="480">
        <v>228626640</v>
      </c>
      <c r="BB34" s="480">
        <v>218786400</v>
      </c>
      <c r="BC34" s="480">
        <v>0</v>
      </c>
      <c r="BD34" s="169">
        <v>0.95699999999999996</v>
      </c>
      <c r="BE34" s="480">
        <v>31559374</v>
      </c>
      <c r="BF34" s="480">
        <v>8968910</v>
      </c>
      <c r="BG34" s="480">
        <v>0</v>
      </c>
      <c r="BH34" s="169">
        <v>0.28420000000000001</v>
      </c>
      <c r="BI34" s="266">
        <v>0</v>
      </c>
      <c r="BJ34" s="266">
        <v>0</v>
      </c>
      <c r="BK34" s="267">
        <v>0</v>
      </c>
    </row>
    <row r="35" spans="1:63" s="121" customFormat="1" ht="15" customHeight="1" x14ac:dyDescent="0.15">
      <c r="A35" s="44">
        <v>25</v>
      </c>
      <c r="B35" s="64" t="s">
        <v>25</v>
      </c>
      <c r="C35" s="480">
        <v>30532742</v>
      </c>
      <c r="D35" s="480">
        <v>829619036</v>
      </c>
      <c r="E35" s="480">
        <v>7657367</v>
      </c>
      <c r="F35" s="129">
        <v>837276403</v>
      </c>
      <c r="G35" s="480">
        <v>3124687</v>
      </c>
      <c r="H35" s="480">
        <v>110939452</v>
      </c>
      <c r="I35" s="480">
        <v>13543</v>
      </c>
      <c r="J35" s="480">
        <v>0</v>
      </c>
      <c r="K35" s="480">
        <v>3361680</v>
      </c>
      <c r="L35" s="130">
        <v>1250000</v>
      </c>
      <c r="M35" s="545">
        <v>0</v>
      </c>
      <c r="N35" s="44">
        <v>25</v>
      </c>
      <c r="O35" s="64" t="s">
        <v>25</v>
      </c>
      <c r="P35" s="138">
        <v>955965765</v>
      </c>
      <c r="Q35" s="138">
        <v>216591785</v>
      </c>
      <c r="R35" s="138">
        <v>427000</v>
      </c>
      <c r="S35" s="138">
        <v>217018785</v>
      </c>
      <c r="T35" s="138">
        <v>114005490</v>
      </c>
      <c r="U35" s="138">
        <v>34000</v>
      </c>
      <c r="V35" s="138">
        <v>114039490</v>
      </c>
      <c r="W35" s="480">
        <v>36735815</v>
      </c>
      <c r="X35" s="545">
        <v>0</v>
      </c>
      <c r="Y35" s="44">
        <v>25</v>
      </c>
      <c r="Z35" s="64" t="s">
        <v>25</v>
      </c>
      <c r="AA35" s="140" t="s">
        <v>460</v>
      </c>
      <c r="AB35" s="140" t="s">
        <v>460</v>
      </c>
      <c r="AC35" s="140" t="s">
        <v>460</v>
      </c>
      <c r="AD35" s="140" t="s">
        <v>460</v>
      </c>
      <c r="AE35" s="140" t="s">
        <v>460</v>
      </c>
      <c r="AF35" s="140" t="s">
        <v>460</v>
      </c>
      <c r="AG35" s="140" t="s">
        <v>460</v>
      </c>
      <c r="AH35" s="140" t="s">
        <v>460</v>
      </c>
      <c r="AI35" s="480">
        <v>12512743</v>
      </c>
      <c r="AJ35" s="545">
        <v>601975</v>
      </c>
      <c r="AK35" s="44">
        <v>25</v>
      </c>
      <c r="AL35" s="64" t="s">
        <v>25</v>
      </c>
      <c r="AM35" s="546">
        <v>0</v>
      </c>
      <c r="AN35" s="480">
        <v>0</v>
      </c>
      <c r="AO35" s="130">
        <v>6139200</v>
      </c>
      <c r="AP35" s="547">
        <v>1373546515</v>
      </c>
      <c r="AQ35" s="480">
        <v>45082000</v>
      </c>
      <c r="AR35" s="480">
        <v>0</v>
      </c>
      <c r="AS35" s="480">
        <v>0</v>
      </c>
      <c r="AT35" s="480">
        <v>1418628515</v>
      </c>
      <c r="AU35" s="526">
        <v>4697956</v>
      </c>
      <c r="AV35" s="138">
        <v>60891345</v>
      </c>
      <c r="AW35" s="480">
        <v>375996037</v>
      </c>
      <c r="AX35" s="545">
        <v>0</v>
      </c>
      <c r="AY35" s="44">
        <v>25</v>
      </c>
      <c r="AZ35" s="64" t="s">
        <v>25</v>
      </c>
      <c r="BA35" s="480">
        <v>273501700</v>
      </c>
      <c r="BB35" s="480">
        <v>261899100</v>
      </c>
      <c r="BC35" s="480">
        <v>0</v>
      </c>
      <c r="BD35" s="169">
        <v>0.95760000000000001</v>
      </c>
      <c r="BE35" s="480">
        <v>82750414</v>
      </c>
      <c r="BF35" s="480">
        <v>16621542</v>
      </c>
      <c r="BG35" s="480">
        <v>0</v>
      </c>
      <c r="BH35" s="169">
        <v>0.2009</v>
      </c>
      <c r="BI35" s="266">
        <v>0</v>
      </c>
      <c r="BJ35" s="266">
        <v>0</v>
      </c>
      <c r="BK35" s="267">
        <v>0</v>
      </c>
    </row>
    <row r="36" spans="1:63" s="121" customFormat="1" ht="15" customHeight="1" x14ac:dyDescent="0.15">
      <c r="A36" s="44">
        <v>26</v>
      </c>
      <c r="B36" s="64" t="s">
        <v>26</v>
      </c>
      <c r="C36" s="480">
        <v>31487385</v>
      </c>
      <c r="D36" s="480">
        <v>687287505</v>
      </c>
      <c r="E36" s="480">
        <v>4819864</v>
      </c>
      <c r="F36" s="129">
        <v>692107369</v>
      </c>
      <c r="G36" s="480">
        <v>2209241</v>
      </c>
      <c r="H36" s="480">
        <v>108455878</v>
      </c>
      <c r="I36" s="480">
        <v>63991</v>
      </c>
      <c r="J36" s="480">
        <v>0</v>
      </c>
      <c r="K36" s="480">
        <v>3780000</v>
      </c>
      <c r="L36" s="130">
        <v>1000000</v>
      </c>
      <c r="M36" s="545">
        <v>0</v>
      </c>
      <c r="N36" s="44">
        <v>26</v>
      </c>
      <c r="O36" s="64" t="s">
        <v>26</v>
      </c>
      <c r="P36" s="138">
        <v>807616479</v>
      </c>
      <c r="Q36" s="138">
        <v>180933293</v>
      </c>
      <c r="R36" s="138">
        <v>1000</v>
      </c>
      <c r="S36" s="138">
        <v>180934293</v>
      </c>
      <c r="T36" s="138">
        <v>72804117</v>
      </c>
      <c r="U36" s="138">
        <v>1000</v>
      </c>
      <c r="V36" s="138">
        <v>72805117</v>
      </c>
      <c r="W36" s="480">
        <v>25903307</v>
      </c>
      <c r="X36" s="545">
        <v>0</v>
      </c>
      <c r="Y36" s="44">
        <v>26</v>
      </c>
      <c r="Z36" s="64" t="s">
        <v>26</v>
      </c>
      <c r="AA36" s="140" t="s">
        <v>460</v>
      </c>
      <c r="AB36" s="140" t="s">
        <v>460</v>
      </c>
      <c r="AC36" s="140" t="s">
        <v>460</v>
      </c>
      <c r="AD36" s="140" t="s">
        <v>460</v>
      </c>
      <c r="AE36" s="140" t="s">
        <v>460</v>
      </c>
      <c r="AF36" s="140" t="s">
        <v>460</v>
      </c>
      <c r="AG36" s="140" t="s">
        <v>460</v>
      </c>
      <c r="AH36" s="140" t="s">
        <v>460</v>
      </c>
      <c r="AI36" s="480">
        <v>3873266</v>
      </c>
      <c r="AJ36" s="545">
        <v>11416885</v>
      </c>
      <c r="AK36" s="44">
        <v>26</v>
      </c>
      <c r="AL36" s="64" t="s">
        <v>26</v>
      </c>
      <c r="AM36" s="546">
        <v>0</v>
      </c>
      <c r="AN36" s="480">
        <v>0</v>
      </c>
      <c r="AO36" s="130">
        <v>1283590</v>
      </c>
      <c r="AP36" s="547">
        <v>1135320322</v>
      </c>
      <c r="AQ36" s="480">
        <v>16086</v>
      </c>
      <c r="AR36" s="480">
        <v>0</v>
      </c>
      <c r="AS36" s="480">
        <v>10000000</v>
      </c>
      <c r="AT36" s="480">
        <v>1145336408</v>
      </c>
      <c r="AU36" s="526">
        <v>71405826</v>
      </c>
      <c r="AV36" s="138">
        <v>77477468</v>
      </c>
      <c r="AW36" s="480">
        <v>290289102</v>
      </c>
      <c r="AX36" s="545">
        <v>0</v>
      </c>
      <c r="AY36" s="44">
        <v>26</v>
      </c>
      <c r="AZ36" s="64" t="s">
        <v>26</v>
      </c>
      <c r="BA36" s="480">
        <v>258455300</v>
      </c>
      <c r="BB36" s="480">
        <v>249794300</v>
      </c>
      <c r="BC36" s="480">
        <v>0</v>
      </c>
      <c r="BD36" s="169">
        <v>0.96650000000000003</v>
      </c>
      <c r="BE36" s="480">
        <v>39887516</v>
      </c>
      <c r="BF36" s="480">
        <v>12774477</v>
      </c>
      <c r="BG36" s="480">
        <v>0</v>
      </c>
      <c r="BH36" s="169">
        <v>0.32029999999999997</v>
      </c>
      <c r="BI36" s="266">
        <v>0</v>
      </c>
      <c r="BJ36" s="266">
        <v>0</v>
      </c>
      <c r="BK36" s="267">
        <v>0</v>
      </c>
    </row>
    <row r="37" spans="1:63" s="121" customFormat="1" ht="15" customHeight="1" x14ac:dyDescent="0.15">
      <c r="A37" s="44">
        <v>27</v>
      </c>
      <c r="B37" s="64" t="s">
        <v>27</v>
      </c>
      <c r="C37" s="480">
        <v>24068750</v>
      </c>
      <c r="D37" s="480">
        <v>827420014</v>
      </c>
      <c r="E37" s="480">
        <v>6790361</v>
      </c>
      <c r="F37" s="129">
        <v>834210375</v>
      </c>
      <c r="G37" s="480">
        <v>2500326</v>
      </c>
      <c r="H37" s="480">
        <v>131001629</v>
      </c>
      <c r="I37" s="480">
        <v>154958</v>
      </c>
      <c r="J37" s="480">
        <v>0</v>
      </c>
      <c r="K37" s="480">
        <v>1260000</v>
      </c>
      <c r="L37" s="130">
        <v>1300000</v>
      </c>
      <c r="M37" s="545">
        <v>0</v>
      </c>
      <c r="N37" s="44">
        <v>27</v>
      </c>
      <c r="O37" s="64" t="s">
        <v>27</v>
      </c>
      <c r="P37" s="138">
        <v>970427288</v>
      </c>
      <c r="Q37" s="138">
        <v>250568252</v>
      </c>
      <c r="R37" s="138">
        <v>1000</v>
      </c>
      <c r="S37" s="138">
        <v>250569252</v>
      </c>
      <c r="T37" s="138">
        <v>80847089</v>
      </c>
      <c r="U37" s="138">
        <v>1000</v>
      </c>
      <c r="V37" s="138">
        <v>80848089</v>
      </c>
      <c r="W37" s="480">
        <v>24079470</v>
      </c>
      <c r="X37" s="545">
        <v>0</v>
      </c>
      <c r="Y37" s="44">
        <v>27</v>
      </c>
      <c r="Z37" s="64" t="s">
        <v>27</v>
      </c>
      <c r="AA37" s="140" t="s">
        <v>460</v>
      </c>
      <c r="AB37" s="140" t="s">
        <v>460</v>
      </c>
      <c r="AC37" s="140" t="s">
        <v>460</v>
      </c>
      <c r="AD37" s="140" t="s">
        <v>460</v>
      </c>
      <c r="AE37" s="140" t="s">
        <v>460</v>
      </c>
      <c r="AF37" s="140" t="s">
        <v>460</v>
      </c>
      <c r="AG37" s="140" t="s">
        <v>460</v>
      </c>
      <c r="AH37" s="140" t="s">
        <v>460</v>
      </c>
      <c r="AI37" s="480">
        <v>2507665</v>
      </c>
      <c r="AJ37" s="545">
        <v>3023098</v>
      </c>
      <c r="AK37" s="44">
        <v>27</v>
      </c>
      <c r="AL37" s="64" t="s">
        <v>27</v>
      </c>
      <c r="AM37" s="546">
        <v>0</v>
      </c>
      <c r="AN37" s="480">
        <v>0</v>
      </c>
      <c r="AO37" s="130">
        <v>495395</v>
      </c>
      <c r="AP37" s="547">
        <v>1356019007</v>
      </c>
      <c r="AQ37" s="480">
        <v>0</v>
      </c>
      <c r="AR37" s="480">
        <v>0</v>
      </c>
      <c r="AS37" s="480">
        <v>24400000</v>
      </c>
      <c r="AT37" s="480">
        <v>1380419007</v>
      </c>
      <c r="AU37" s="526">
        <v>29360174</v>
      </c>
      <c r="AV37" s="138">
        <v>11352578</v>
      </c>
      <c r="AW37" s="480">
        <v>0</v>
      </c>
      <c r="AX37" s="545">
        <v>71000000</v>
      </c>
      <c r="AY37" s="44">
        <v>27</v>
      </c>
      <c r="AZ37" s="64" t="s">
        <v>27</v>
      </c>
      <c r="BA37" s="480">
        <v>278070400</v>
      </c>
      <c r="BB37" s="480">
        <v>267233802</v>
      </c>
      <c r="BC37" s="480">
        <v>0</v>
      </c>
      <c r="BD37" s="169">
        <v>0.96099999999999997</v>
      </c>
      <c r="BE37" s="480">
        <v>47302949</v>
      </c>
      <c r="BF37" s="480">
        <v>9277046</v>
      </c>
      <c r="BG37" s="480">
        <v>0</v>
      </c>
      <c r="BH37" s="169">
        <v>0.1961</v>
      </c>
      <c r="BI37" s="266">
        <v>-23660</v>
      </c>
      <c r="BJ37" s="266">
        <v>0</v>
      </c>
      <c r="BK37" s="267">
        <v>-23660</v>
      </c>
    </row>
    <row r="38" spans="1:63" s="121" customFormat="1" ht="15" customHeight="1" x14ac:dyDescent="0.15">
      <c r="A38" s="44">
        <v>28</v>
      </c>
      <c r="B38" s="64" t="s">
        <v>28</v>
      </c>
      <c r="C38" s="480">
        <v>17554820</v>
      </c>
      <c r="D38" s="480">
        <v>887191206</v>
      </c>
      <c r="E38" s="480">
        <v>6793613</v>
      </c>
      <c r="F38" s="129">
        <v>893984819</v>
      </c>
      <c r="G38" s="480">
        <v>2906254</v>
      </c>
      <c r="H38" s="480">
        <v>128162651</v>
      </c>
      <c r="I38" s="480">
        <v>116771</v>
      </c>
      <c r="J38" s="480">
        <v>0</v>
      </c>
      <c r="K38" s="480">
        <v>3326710</v>
      </c>
      <c r="L38" s="130">
        <v>1800000</v>
      </c>
      <c r="M38" s="545">
        <v>0</v>
      </c>
      <c r="N38" s="44">
        <v>28</v>
      </c>
      <c r="O38" s="64" t="s">
        <v>28</v>
      </c>
      <c r="P38" s="138">
        <v>1030297205</v>
      </c>
      <c r="Q38" s="138">
        <v>255010465</v>
      </c>
      <c r="R38" s="138">
        <v>151922</v>
      </c>
      <c r="S38" s="138">
        <v>255162387</v>
      </c>
      <c r="T38" s="138">
        <v>95115240</v>
      </c>
      <c r="U38" s="138">
        <v>59839</v>
      </c>
      <c r="V38" s="138">
        <v>95175079</v>
      </c>
      <c r="W38" s="480">
        <v>33817182</v>
      </c>
      <c r="X38" s="545">
        <v>0</v>
      </c>
      <c r="Y38" s="44">
        <v>28</v>
      </c>
      <c r="Z38" s="64" t="s">
        <v>28</v>
      </c>
      <c r="AA38" s="140" t="s">
        <v>460</v>
      </c>
      <c r="AB38" s="140" t="s">
        <v>460</v>
      </c>
      <c r="AC38" s="140" t="s">
        <v>460</v>
      </c>
      <c r="AD38" s="140" t="s">
        <v>460</v>
      </c>
      <c r="AE38" s="140" t="s">
        <v>460</v>
      </c>
      <c r="AF38" s="140" t="s">
        <v>460</v>
      </c>
      <c r="AG38" s="140" t="s">
        <v>460</v>
      </c>
      <c r="AH38" s="140" t="s">
        <v>460</v>
      </c>
      <c r="AI38" s="480">
        <v>7298056</v>
      </c>
      <c r="AJ38" s="545">
        <v>4457662</v>
      </c>
      <c r="AK38" s="44">
        <v>28</v>
      </c>
      <c r="AL38" s="64" t="s">
        <v>28</v>
      </c>
      <c r="AM38" s="546">
        <v>0</v>
      </c>
      <c r="AN38" s="480">
        <v>0</v>
      </c>
      <c r="AO38" s="130">
        <v>512225</v>
      </c>
      <c r="AP38" s="547">
        <v>1444274616</v>
      </c>
      <c r="AQ38" s="480">
        <v>60000000</v>
      </c>
      <c r="AR38" s="480">
        <v>0</v>
      </c>
      <c r="AS38" s="480">
        <v>0</v>
      </c>
      <c r="AT38" s="480">
        <v>1504274616</v>
      </c>
      <c r="AU38" s="526">
        <v>60372425</v>
      </c>
      <c r="AV38" s="138">
        <v>66631441</v>
      </c>
      <c r="AW38" s="480">
        <v>225714189</v>
      </c>
      <c r="AX38" s="545">
        <v>0</v>
      </c>
      <c r="AY38" s="44">
        <v>28</v>
      </c>
      <c r="AZ38" s="64" t="s">
        <v>28</v>
      </c>
      <c r="BA38" s="480">
        <v>334237000</v>
      </c>
      <c r="BB38" s="480">
        <v>320643000</v>
      </c>
      <c r="BC38" s="480">
        <v>0</v>
      </c>
      <c r="BD38" s="169">
        <v>0.95930000000000004</v>
      </c>
      <c r="BE38" s="480">
        <v>93175906</v>
      </c>
      <c r="BF38" s="480">
        <v>13253204</v>
      </c>
      <c r="BG38" s="480">
        <v>0</v>
      </c>
      <c r="BH38" s="169">
        <v>0.14219999999999999</v>
      </c>
      <c r="BI38" s="266">
        <v>0</v>
      </c>
      <c r="BJ38" s="266">
        <v>0</v>
      </c>
      <c r="BK38" s="267">
        <v>0</v>
      </c>
    </row>
    <row r="39" spans="1:63" s="121" customFormat="1" ht="15" customHeight="1" x14ac:dyDescent="0.15">
      <c r="A39" s="44">
        <v>29</v>
      </c>
      <c r="B39" s="64" t="s">
        <v>29</v>
      </c>
      <c r="C39" s="480">
        <v>62281486</v>
      </c>
      <c r="D39" s="480">
        <v>750007518</v>
      </c>
      <c r="E39" s="480">
        <v>5270589</v>
      </c>
      <c r="F39" s="129">
        <v>755278107</v>
      </c>
      <c r="G39" s="480">
        <v>2174927</v>
      </c>
      <c r="H39" s="480">
        <v>115418517</v>
      </c>
      <c r="I39" s="480">
        <v>31029</v>
      </c>
      <c r="J39" s="480">
        <v>49356</v>
      </c>
      <c r="K39" s="480">
        <v>2101050</v>
      </c>
      <c r="L39" s="130">
        <v>800000</v>
      </c>
      <c r="M39" s="545">
        <v>0</v>
      </c>
      <c r="N39" s="44">
        <v>29</v>
      </c>
      <c r="O39" s="64" t="s">
        <v>29</v>
      </c>
      <c r="P39" s="138">
        <v>875852986</v>
      </c>
      <c r="Q39" s="138">
        <v>227043930</v>
      </c>
      <c r="R39" s="138">
        <v>91732</v>
      </c>
      <c r="S39" s="138">
        <v>227135662</v>
      </c>
      <c r="T39" s="138">
        <v>90457482</v>
      </c>
      <c r="U39" s="138">
        <v>26562</v>
      </c>
      <c r="V39" s="138">
        <v>90484044</v>
      </c>
      <c r="W39" s="480">
        <v>34177237</v>
      </c>
      <c r="X39" s="545">
        <v>0</v>
      </c>
      <c r="Y39" s="44">
        <v>29</v>
      </c>
      <c r="Z39" s="64" t="s">
        <v>29</v>
      </c>
      <c r="AA39" s="140" t="s">
        <v>460</v>
      </c>
      <c r="AB39" s="140" t="s">
        <v>460</v>
      </c>
      <c r="AC39" s="140" t="s">
        <v>460</v>
      </c>
      <c r="AD39" s="140" t="s">
        <v>460</v>
      </c>
      <c r="AE39" s="140" t="s">
        <v>460</v>
      </c>
      <c r="AF39" s="140" t="s">
        <v>460</v>
      </c>
      <c r="AG39" s="140" t="s">
        <v>460</v>
      </c>
      <c r="AH39" s="140" t="s">
        <v>460</v>
      </c>
      <c r="AI39" s="480">
        <v>12843226</v>
      </c>
      <c r="AJ39" s="545">
        <v>428851</v>
      </c>
      <c r="AK39" s="44">
        <v>29</v>
      </c>
      <c r="AL39" s="64" t="s">
        <v>29</v>
      </c>
      <c r="AM39" s="546">
        <v>0</v>
      </c>
      <c r="AN39" s="480">
        <v>0</v>
      </c>
      <c r="AO39" s="130">
        <v>1455110</v>
      </c>
      <c r="AP39" s="547">
        <v>1304658602</v>
      </c>
      <c r="AQ39" s="480">
        <v>15700000</v>
      </c>
      <c r="AR39" s="480">
        <v>0</v>
      </c>
      <c r="AS39" s="480">
        <v>13600000</v>
      </c>
      <c r="AT39" s="480">
        <v>1333958602</v>
      </c>
      <c r="AU39" s="526">
        <v>-25032250</v>
      </c>
      <c r="AV39" s="138">
        <v>54697868</v>
      </c>
      <c r="AW39" s="480">
        <v>160280863</v>
      </c>
      <c r="AX39" s="545">
        <v>0</v>
      </c>
      <c r="AY39" s="44">
        <v>29</v>
      </c>
      <c r="AZ39" s="64" t="s">
        <v>29</v>
      </c>
      <c r="BA39" s="480">
        <v>239185580</v>
      </c>
      <c r="BB39" s="480">
        <v>221846380</v>
      </c>
      <c r="BC39" s="480">
        <v>0</v>
      </c>
      <c r="BD39" s="169">
        <v>0.92749999999999999</v>
      </c>
      <c r="BE39" s="480">
        <v>53371099</v>
      </c>
      <c r="BF39" s="480">
        <v>16644530</v>
      </c>
      <c r="BG39" s="480">
        <v>0</v>
      </c>
      <c r="BH39" s="169">
        <v>0.31190000000000001</v>
      </c>
      <c r="BI39" s="554">
        <v>0</v>
      </c>
      <c r="BJ39" s="266">
        <v>0</v>
      </c>
      <c r="BK39" s="269">
        <v>0</v>
      </c>
    </row>
    <row r="40" spans="1:63" s="121" customFormat="1" ht="15" customHeight="1" x14ac:dyDescent="0.15">
      <c r="A40" s="44">
        <v>30</v>
      </c>
      <c r="B40" s="64" t="s">
        <v>30</v>
      </c>
      <c r="C40" s="480">
        <v>24010871</v>
      </c>
      <c r="D40" s="480">
        <v>611707431</v>
      </c>
      <c r="E40" s="480">
        <v>4030718</v>
      </c>
      <c r="F40" s="129">
        <v>615738149</v>
      </c>
      <c r="G40" s="480">
        <v>1891513</v>
      </c>
      <c r="H40" s="480">
        <v>98570182</v>
      </c>
      <c r="I40" s="480">
        <v>0</v>
      </c>
      <c r="J40" s="480">
        <v>0</v>
      </c>
      <c r="K40" s="480">
        <v>1260000</v>
      </c>
      <c r="L40" s="130">
        <v>550000</v>
      </c>
      <c r="M40" s="545">
        <v>0</v>
      </c>
      <c r="N40" s="44">
        <v>30</v>
      </c>
      <c r="O40" s="64" t="s">
        <v>30</v>
      </c>
      <c r="P40" s="138">
        <v>718009844</v>
      </c>
      <c r="Q40" s="138">
        <v>192963114</v>
      </c>
      <c r="R40" s="138">
        <v>66000</v>
      </c>
      <c r="S40" s="138">
        <v>193029114</v>
      </c>
      <c r="T40" s="138">
        <v>63384157</v>
      </c>
      <c r="U40" s="138">
        <v>24000</v>
      </c>
      <c r="V40" s="138">
        <v>63408157</v>
      </c>
      <c r="W40" s="480">
        <v>23325925</v>
      </c>
      <c r="X40" s="545">
        <v>0</v>
      </c>
      <c r="Y40" s="44">
        <v>30</v>
      </c>
      <c r="Z40" s="64" t="s">
        <v>30</v>
      </c>
      <c r="AA40" s="140" t="s">
        <v>460</v>
      </c>
      <c r="AB40" s="140" t="s">
        <v>460</v>
      </c>
      <c r="AC40" s="140" t="s">
        <v>460</v>
      </c>
      <c r="AD40" s="140" t="s">
        <v>460</v>
      </c>
      <c r="AE40" s="140" t="s">
        <v>460</v>
      </c>
      <c r="AF40" s="140" t="s">
        <v>460</v>
      </c>
      <c r="AG40" s="140" t="s">
        <v>460</v>
      </c>
      <c r="AH40" s="140" t="s">
        <v>460</v>
      </c>
      <c r="AI40" s="480">
        <v>10062711</v>
      </c>
      <c r="AJ40" s="545">
        <v>342919</v>
      </c>
      <c r="AK40" s="44">
        <v>30</v>
      </c>
      <c r="AL40" s="64" t="s">
        <v>30</v>
      </c>
      <c r="AM40" s="546">
        <v>0</v>
      </c>
      <c r="AN40" s="480">
        <v>0</v>
      </c>
      <c r="AO40" s="130">
        <v>1238250</v>
      </c>
      <c r="AP40" s="547">
        <v>1033427791</v>
      </c>
      <c r="AQ40" s="480">
        <v>0</v>
      </c>
      <c r="AR40" s="480">
        <v>0</v>
      </c>
      <c r="AS40" s="480">
        <v>4000000</v>
      </c>
      <c r="AT40" s="480">
        <v>1037427791</v>
      </c>
      <c r="AU40" s="526">
        <v>4163805</v>
      </c>
      <c r="AV40" s="138">
        <v>47395254</v>
      </c>
      <c r="AW40" s="480">
        <v>88355879</v>
      </c>
      <c r="AX40" s="545">
        <v>0</v>
      </c>
      <c r="AY40" s="44">
        <v>30</v>
      </c>
      <c r="AZ40" s="64" t="s">
        <v>30</v>
      </c>
      <c r="BA40" s="480">
        <v>206761100</v>
      </c>
      <c r="BB40" s="480">
        <v>191458470</v>
      </c>
      <c r="BC40" s="480">
        <v>0</v>
      </c>
      <c r="BD40" s="169">
        <v>0.92600000000000005</v>
      </c>
      <c r="BE40" s="480">
        <v>74684490</v>
      </c>
      <c r="BF40" s="480">
        <v>11706810</v>
      </c>
      <c r="BG40" s="480">
        <v>0</v>
      </c>
      <c r="BH40" s="169">
        <v>0.15679999999999999</v>
      </c>
      <c r="BI40" s="266">
        <v>0</v>
      </c>
      <c r="BJ40" s="266">
        <v>0</v>
      </c>
      <c r="BK40" s="267">
        <v>0</v>
      </c>
    </row>
    <row r="41" spans="1:63" s="121" customFormat="1" ht="15" customHeight="1" x14ac:dyDescent="0.15">
      <c r="A41" s="44">
        <v>31</v>
      </c>
      <c r="B41" s="64" t="s">
        <v>31</v>
      </c>
      <c r="C41" s="480">
        <v>44186802</v>
      </c>
      <c r="D41" s="480">
        <v>1724583417</v>
      </c>
      <c r="E41" s="480">
        <v>20645160</v>
      </c>
      <c r="F41" s="129">
        <v>1745228577</v>
      </c>
      <c r="G41" s="480">
        <v>5626279</v>
      </c>
      <c r="H41" s="480">
        <v>254012469</v>
      </c>
      <c r="I41" s="480">
        <v>57550</v>
      </c>
      <c r="J41" s="480">
        <v>62680</v>
      </c>
      <c r="K41" s="480">
        <v>2941260</v>
      </c>
      <c r="L41" s="130">
        <v>2000000</v>
      </c>
      <c r="M41" s="545">
        <v>67430</v>
      </c>
      <c r="N41" s="44">
        <v>31</v>
      </c>
      <c r="O41" s="64" t="s">
        <v>31</v>
      </c>
      <c r="P41" s="138">
        <v>2009996245</v>
      </c>
      <c r="Q41" s="138">
        <v>556642034</v>
      </c>
      <c r="R41" s="138">
        <v>393293</v>
      </c>
      <c r="S41" s="138">
        <v>557035327</v>
      </c>
      <c r="T41" s="138">
        <v>203955510</v>
      </c>
      <c r="U41" s="138">
        <v>67018</v>
      </c>
      <c r="V41" s="138">
        <v>204022528</v>
      </c>
      <c r="W41" s="480">
        <v>70950423</v>
      </c>
      <c r="X41" s="545">
        <v>0</v>
      </c>
      <c r="Y41" s="44">
        <v>31</v>
      </c>
      <c r="Z41" s="64" t="s">
        <v>31</v>
      </c>
      <c r="AA41" s="140" t="s">
        <v>460</v>
      </c>
      <c r="AB41" s="140" t="s">
        <v>460</v>
      </c>
      <c r="AC41" s="140" t="s">
        <v>460</v>
      </c>
      <c r="AD41" s="140" t="s">
        <v>460</v>
      </c>
      <c r="AE41" s="140" t="s">
        <v>460</v>
      </c>
      <c r="AF41" s="140" t="s">
        <v>460</v>
      </c>
      <c r="AG41" s="140" t="s">
        <v>460</v>
      </c>
      <c r="AH41" s="140" t="s">
        <v>460</v>
      </c>
      <c r="AI41" s="480">
        <v>19071226</v>
      </c>
      <c r="AJ41" s="545">
        <v>851775</v>
      </c>
      <c r="AK41" s="44">
        <v>31</v>
      </c>
      <c r="AL41" s="64" t="s">
        <v>31</v>
      </c>
      <c r="AM41" s="546">
        <v>0</v>
      </c>
      <c r="AN41" s="480">
        <v>0</v>
      </c>
      <c r="AO41" s="130">
        <v>1632844</v>
      </c>
      <c r="AP41" s="547">
        <v>2907747170</v>
      </c>
      <c r="AQ41" s="480">
        <v>39882</v>
      </c>
      <c r="AR41" s="480">
        <v>0</v>
      </c>
      <c r="AS41" s="480">
        <v>0</v>
      </c>
      <c r="AT41" s="480">
        <v>2907787052</v>
      </c>
      <c r="AU41" s="526">
        <v>42391339</v>
      </c>
      <c r="AV41" s="138">
        <v>187553131</v>
      </c>
      <c r="AW41" s="480">
        <v>803115947</v>
      </c>
      <c r="AX41" s="545">
        <v>0</v>
      </c>
      <c r="AY41" s="44">
        <v>31</v>
      </c>
      <c r="AZ41" s="64" t="s">
        <v>31</v>
      </c>
      <c r="BA41" s="480">
        <v>640573596</v>
      </c>
      <c r="BB41" s="480">
        <v>607353258</v>
      </c>
      <c r="BC41" s="480">
        <v>0</v>
      </c>
      <c r="BD41" s="169">
        <v>0.94810000000000005</v>
      </c>
      <c r="BE41" s="480">
        <v>188494415</v>
      </c>
      <c r="BF41" s="480">
        <v>47164253</v>
      </c>
      <c r="BG41" s="480">
        <v>0</v>
      </c>
      <c r="BH41" s="169">
        <v>0.25019999999999998</v>
      </c>
      <c r="BI41" s="266">
        <v>0</v>
      </c>
      <c r="BJ41" s="266">
        <v>0</v>
      </c>
      <c r="BK41" s="267">
        <v>0</v>
      </c>
    </row>
    <row r="42" spans="1:63" s="121" customFormat="1" ht="15" customHeight="1" x14ac:dyDescent="0.15">
      <c r="A42" s="44">
        <v>32</v>
      </c>
      <c r="B42" s="64" t="s">
        <v>32</v>
      </c>
      <c r="C42" s="480">
        <v>81767427</v>
      </c>
      <c r="D42" s="480">
        <v>2757791839</v>
      </c>
      <c r="E42" s="480">
        <v>30474586</v>
      </c>
      <c r="F42" s="129">
        <v>2788266425</v>
      </c>
      <c r="G42" s="480">
        <v>8486503</v>
      </c>
      <c r="H42" s="480">
        <v>436493015</v>
      </c>
      <c r="I42" s="480">
        <v>584568</v>
      </c>
      <c r="J42" s="480">
        <v>0</v>
      </c>
      <c r="K42" s="480">
        <v>13145250</v>
      </c>
      <c r="L42" s="130">
        <v>4400000</v>
      </c>
      <c r="M42" s="545">
        <v>207193</v>
      </c>
      <c r="N42" s="44">
        <v>32</v>
      </c>
      <c r="O42" s="64" t="s">
        <v>32</v>
      </c>
      <c r="P42" s="138">
        <v>3251582954</v>
      </c>
      <c r="Q42" s="138">
        <v>896614380</v>
      </c>
      <c r="R42" s="138">
        <v>71060</v>
      </c>
      <c r="S42" s="138">
        <v>896685440</v>
      </c>
      <c r="T42" s="138">
        <v>313898026</v>
      </c>
      <c r="U42" s="138">
        <v>27920</v>
      </c>
      <c r="V42" s="138">
        <v>313925946</v>
      </c>
      <c r="W42" s="480">
        <v>114419273</v>
      </c>
      <c r="X42" s="545">
        <v>0</v>
      </c>
      <c r="Y42" s="44">
        <v>32</v>
      </c>
      <c r="Z42" s="64" t="s">
        <v>32</v>
      </c>
      <c r="AA42" s="140" t="s">
        <v>460</v>
      </c>
      <c r="AB42" s="140" t="s">
        <v>460</v>
      </c>
      <c r="AC42" s="140" t="s">
        <v>460</v>
      </c>
      <c r="AD42" s="140" t="s">
        <v>460</v>
      </c>
      <c r="AE42" s="140" t="s">
        <v>460</v>
      </c>
      <c r="AF42" s="140" t="s">
        <v>460</v>
      </c>
      <c r="AG42" s="140" t="s">
        <v>460</v>
      </c>
      <c r="AH42" s="140" t="s">
        <v>460</v>
      </c>
      <c r="AI42" s="480">
        <v>49026170</v>
      </c>
      <c r="AJ42" s="545">
        <v>2853257</v>
      </c>
      <c r="AK42" s="44">
        <v>32</v>
      </c>
      <c r="AL42" s="64" t="s">
        <v>32</v>
      </c>
      <c r="AM42" s="546">
        <v>0</v>
      </c>
      <c r="AN42" s="480">
        <v>0</v>
      </c>
      <c r="AO42" s="130">
        <v>8426970</v>
      </c>
      <c r="AP42" s="547">
        <v>4718687437</v>
      </c>
      <c r="AQ42" s="480">
        <v>10008042</v>
      </c>
      <c r="AR42" s="480">
        <v>0</v>
      </c>
      <c r="AS42" s="480">
        <v>0</v>
      </c>
      <c r="AT42" s="480">
        <v>4728695479</v>
      </c>
      <c r="AU42" s="526">
        <v>23067373</v>
      </c>
      <c r="AV42" s="138">
        <v>16485003</v>
      </c>
      <c r="AW42" s="480">
        <v>10430453</v>
      </c>
      <c r="AX42" s="545">
        <v>0</v>
      </c>
      <c r="AY42" s="44">
        <v>32</v>
      </c>
      <c r="AZ42" s="64" t="s">
        <v>32</v>
      </c>
      <c r="BA42" s="480">
        <v>975389316</v>
      </c>
      <c r="BB42" s="480">
        <v>917396107</v>
      </c>
      <c r="BC42" s="480">
        <v>0</v>
      </c>
      <c r="BD42" s="169">
        <v>0.9405</v>
      </c>
      <c r="BE42" s="480">
        <v>178374348</v>
      </c>
      <c r="BF42" s="480">
        <v>46686196</v>
      </c>
      <c r="BG42" s="480">
        <v>0</v>
      </c>
      <c r="BH42" s="169">
        <v>0.26169999999999999</v>
      </c>
      <c r="BI42" s="266">
        <v>0</v>
      </c>
      <c r="BJ42" s="266">
        <v>0</v>
      </c>
      <c r="BK42" s="267">
        <v>0</v>
      </c>
    </row>
    <row r="43" spans="1:63" s="121" customFormat="1" ht="15" customHeight="1" thickBot="1" x14ac:dyDescent="0.2">
      <c r="A43" s="44">
        <v>33</v>
      </c>
      <c r="B43" s="64" t="s">
        <v>33</v>
      </c>
      <c r="C43" s="480">
        <v>18964898</v>
      </c>
      <c r="D43" s="480">
        <v>218397374</v>
      </c>
      <c r="E43" s="480">
        <v>616283</v>
      </c>
      <c r="F43" s="129">
        <v>219013657</v>
      </c>
      <c r="G43" s="480">
        <v>775437</v>
      </c>
      <c r="H43" s="480">
        <v>31548383</v>
      </c>
      <c r="I43" s="480">
        <v>0</v>
      </c>
      <c r="J43" s="480">
        <v>0</v>
      </c>
      <c r="K43" s="480">
        <v>420000</v>
      </c>
      <c r="L43" s="130">
        <v>150000</v>
      </c>
      <c r="M43" s="545">
        <v>0</v>
      </c>
      <c r="N43" s="44">
        <v>33</v>
      </c>
      <c r="O43" s="64" t="s">
        <v>33</v>
      </c>
      <c r="P43" s="138">
        <v>251907477</v>
      </c>
      <c r="Q43" s="138">
        <v>53570714</v>
      </c>
      <c r="R43" s="138">
        <v>1000</v>
      </c>
      <c r="S43" s="138">
        <v>53571714</v>
      </c>
      <c r="T43" s="138">
        <v>24948275</v>
      </c>
      <c r="U43" s="138">
        <v>1000</v>
      </c>
      <c r="V43" s="138">
        <v>24949275</v>
      </c>
      <c r="W43" s="480">
        <v>8071030</v>
      </c>
      <c r="X43" s="545">
        <v>0</v>
      </c>
      <c r="Y43" s="44">
        <v>33</v>
      </c>
      <c r="Z43" s="64" t="s">
        <v>33</v>
      </c>
      <c r="AA43" s="140" t="s">
        <v>460</v>
      </c>
      <c r="AB43" s="140" t="s">
        <v>460</v>
      </c>
      <c r="AC43" s="140" t="s">
        <v>460</v>
      </c>
      <c r="AD43" s="140" t="s">
        <v>460</v>
      </c>
      <c r="AE43" s="140" t="s">
        <v>460</v>
      </c>
      <c r="AF43" s="140" t="s">
        <v>460</v>
      </c>
      <c r="AG43" s="140" t="s">
        <v>460</v>
      </c>
      <c r="AH43" s="140" t="s">
        <v>460</v>
      </c>
      <c r="AI43" s="480">
        <v>3390920</v>
      </c>
      <c r="AJ43" s="545">
        <v>852010</v>
      </c>
      <c r="AK43" s="44">
        <v>33</v>
      </c>
      <c r="AL43" s="64" t="s">
        <v>33</v>
      </c>
      <c r="AM43" s="546">
        <v>0</v>
      </c>
      <c r="AN43" s="480">
        <v>0</v>
      </c>
      <c r="AO43" s="130">
        <v>462935</v>
      </c>
      <c r="AP43" s="547">
        <v>362170259</v>
      </c>
      <c r="AQ43" s="480">
        <v>10952181</v>
      </c>
      <c r="AR43" s="480">
        <v>0</v>
      </c>
      <c r="AS43" s="480">
        <v>0</v>
      </c>
      <c r="AT43" s="480">
        <v>373122440</v>
      </c>
      <c r="AU43" s="526">
        <v>10734424</v>
      </c>
      <c r="AV43" s="138">
        <v>10858284</v>
      </c>
      <c r="AW43" s="480">
        <v>22132490</v>
      </c>
      <c r="AX43" s="545">
        <v>0</v>
      </c>
      <c r="AY43" s="44">
        <v>33</v>
      </c>
      <c r="AZ43" s="64" t="s">
        <v>33</v>
      </c>
      <c r="BA43" s="480">
        <v>64255415</v>
      </c>
      <c r="BB43" s="480">
        <v>61796160</v>
      </c>
      <c r="BC43" s="480">
        <v>0</v>
      </c>
      <c r="BD43" s="229">
        <v>0.9617</v>
      </c>
      <c r="BE43" s="480">
        <v>6907865</v>
      </c>
      <c r="BF43" s="480">
        <v>2813617</v>
      </c>
      <c r="BG43" s="480">
        <v>0</v>
      </c>
      <c r="BH43" s="229">
        <v>0.4073</v>
      </c>
      <c r="BI43" s="266">
        <v>0</v>
      </c>
      <c r="BJ43" s="266">
        <v>0</v>
      </c>
      <c r="BK43" s="267">
        <v>0</v>
      </c>
    </row>
    <row r="44" spans="1:63" s="121" customFormat="1" ht="15" customHeight="1" thickTop="1" thickBot="1" x14ac:dyDescent="0.2">
      <c r="A44" s="1553" t="s">
        <v>38</v>
      </c>
      <c r="B44" s="1554"/>
      <c r="C44" s="132">
        <v>13578989406</v>
      </c>
      <c r="D44" s="132">
        <v>455903022057</v>
      </c>
      <c r="E44" s="132">
        <v>5010191603</v>
      </c>
      <c r="F44" s="132">
        <v>460913213660</v>
      </c>
      <c r="G44" s="132">
        <v>1538052269</v>
      </c>
      <c r="H44" s="132">
        <v>66274158991</v>
      </c>
      <c r="I44" s="132">
        <v>68654802</v>
      </c>
      <c r="J44" s="132">
        <v>7628010</v>
      </c>
      <c r="K44" s="132">
        <v>2300540082</v>
      </c>
      <c r="L44" s="132">
        <v>530700000</v>
      </c>
      <c r="M44" s="555">
        <v>30711339</v>
      </c>
      <c r="N44" s="1553" t="s">
        <v>38</v>
      </c>
      <c r="O44" s="1554"/>
      <c r="P44" s="58">
        <v>531663659153</v>
      </c>
      <c r="Q44" s="58">
        <v>162459396604</v>
      </c>
      <c r="R44" s="58">
        <v>48287100</v>
      </c>
      <c r="S44" s="58">
        <v>162507683704</v>
      </c>
      <c r="T44" s="58">
        <v>56989698939</v>
      </c>
      <c r="U44" s="58">
        <v>7777351</v>
      </c>
      <c r="V44" s="58">
        <v>56997476290</v>
      </c>
      <c r="W44" s="58">
        <v>21459200983</v>
      </c>
      <c r="X44" s="200">
        <v>0</v>
      </c>
      <c r="Y44" s="1553" t="s">
        <v>38</v>
      </c>
      <c r="Z44" s="1554"/>
      <c r="AA44" s="141" t="s">
        <v>460</v>
      </c>
      <c r="AB44" s="141" t="s">
        <v>460</v>
      </c>
      <c r="AC44" s="141" t="s">
        <v>460</v>
      </c>
      <c r="AD44" s="141" t="s">
        <v>460</v>
      </c>
      <c r="AE44" s="141" t="s">
        <v>460</v>
      </c>
      <c r="AF44" s="141" t="s">
        <v>460</v>
      </c>
      <c r="AG44" s="141" t="s">
        <v>460</v>
      </c>
      <c r="AH44" s="141" t="s">
        <v>460</v>
      </c>
      <c r="AI44" s="58">
        <v>4274772913</v>
      </c>
      <c r="AJ44" s="200">
        <v>696736190</v>
      </c>
      <c r="AK44" s="1553" t="s">
        <v>38</v>
      </c>
      <c r="AL44" s="1554"/>
      <c r="AM44" s="556">
        <v>0</v>
      </c>
      <c r="AN44" s="556">
        <v>64715000</v>
      </c>
      <c r="AO44" s="556">
        <v>1440693775</v>
      </c>
      <c r="AP44" s="556">
        <v>792683927414</v>
      </c>
      <c r="AQ44" s="556">
        <v>1362873823</v>
      </c>
      <c r="AR44" s="556">
        <v>0</v>
      </c>
      <c r="AS44" s="556">
        <v>93143894</v>
      </c>
      <c r="AT44" s="556">
        <v>794139945131</v>
      </c>
      <c r="AU44" s="557">
        <v>8221094971</v>
      </c>
      <c r="AV44" s="556">
        <v>18229124993</v>
      </c>
      <c r="AW44" s="556">
        <v>17540108728</v>
      </c>
      <c r="AX44" s="555">
        <v>71000000</v>
      </c>
      <c r="AY44" s="1553" t="s">
        <v>38</v>
      </c>
      <c r="AZ44" s="1554"/>
      <c r="BA44" s="132">
        <v>188067326648</v>
      </c>
      <c r="BB44" s="132">
        <v>177180680846</v>
      </c>
      <c r="BC44" s="132">
        <v>15310626</v>
      </c>
      <c r="BD44" s="175">
        <v>0.94220000000000004</v>
      </c>
      <c r="BE44" s="132">
        <v>32027259413</v>
      </c>
      <c r="BF44" s="132">
        <v>8414807967</v>
      </c>
      <c r="BG44" s="132">
        <v>34698698</v>
      </c>
      <c r="BH44" s="175">
        <v>0.26300000000000001</v>
      </c>
      <c r="BI44" s="558">
        <v>-23660</v>
      </c>
      <c r="BJ44" s="559">
        <v>0</v>
      </c>
      <c r="BK44" s="270">
        <v>-23660</v>
      </c>
    </row>
    <row r="45" spans="1:63" s="121" customFormat="1" ht="15" customHeight="1" thickTop="1" x14ac:dyDescent="0.15">
      <c r="A45" s="44">
        <v>301</v>
      </c>
      <c r="B45" s="55" t="s">
        <v>322</v>
      </c>
      <c r="C45" s="480">
        <v>116501009</v>
      </c>
      <c r="D45" s="480">
        <v>1739204612</v>
      </c>
      <c r="E45" s="480">
        <v>12354912</v>
      </c>
      <c r="F45" s="480">
        <v>1751559524</v>
      </c>
      <c r="G45" s="480">
        <v>7518472</v>
      </c>
      <c r="H45" s="480">
        <v>142169746</v>
      </c>
      <c r="I45" s="480">
        <v>0</v>
      </c>
      <c r="J45" s="480">
        <v>0</v>
      </c>
      <c r="K45" s="480">
        <v>19315990</v>
      </c>
      <c r="L45" s="130">
        <v>2300000</v>
      </c>
      <c r="M45" s="545">
        <v>916000</v>
      </c>
      <c r="N45" s="44">
        <v>301</v>
      </c>
      <c r="O45" s="55" t="s">
        <v>322</v>
      </c>
      <c r="P45" s="138">
        <v>1923779732</v>
      </c>
      <c r="Q45" s="155" t="s">
        <v>460</v>
      </c>
      <c r="R45" s="155" t="s">
        <v>460</v>
      </c>
      <c r="S45" s="155" t="s">
        <v>460</v>
      </c>
      <c r="T45" s="155" t="s">
        <v>460</v>
      </c>
      <c r="U45" s="155" t="s">
        <v>460</v>
      </c>
      <c r="V45" s="155" t="s">
        <v>460</v>
      </c>
      <c r="W45" s="155" t="s">
        <v>460</v>
      </c>
      <c r="X45" s="196" t="s">
        <v>460</v>
      </c>
      <c r="Y45" s="44">
        <v>301</v>
      </c>
      <c r="Z45" s="55" t="s">
        <v>193</v>
      </c>
      <c r="AA45" s="480">
        <v>772387486</v>
      </c>
      <c r="AB45" s="480">
        <v>54781</v>
      </c>
      <c r="AC45" s="480">
        <v>253453576</v>
      </c>
      <c r="AD45" s="480">
        <v>45328</v>
      </c>
      <c r="AE45" s="560">
        <v>499062257</v>
      </c>
      <c r="AF45" s="480">
        <v>151032000</v>
      </c>
      <c r="AG45" s="474" t="s">
        <v>381</v>
      </c>
      <c r="AH45" s="473" t="s">
        <v>382</v>
      </c>
      <c r="AI45" s="480">
        <v>24436860</v>
      </c>
      <c r="AJ45" s="545">
        <v>106705620</v>
      </c>
      <c r="AK45" s="44">
        <v>301</v>
      </c>
      <c r="AL45" s="55" t="s">
        <v>322</v>
      </c>
      <c r="AM45" s="158" t="s">
        <v>460</v>
      </c>
      <c r="AN45" s="480">
        <v>0</v>
      </c>
      <c r="AO45" s="130">
        <v>44407976</v>
      </c>
      <c r="AP45" s="547">
        <v>3891866625</v>
      </c>
      <c r="AQ45" s="480">
        <v>2758866</v>
      </c>
      <c r="AR45" s="480">
        <v>0</v>
      </c>
      <c r="AS45" s="480">
        <v>0</v>
      </c>
      <c r="AT45" s="480">
        <v>3894625491</v>
      </c>
      <c r="AU45" s="526">
        <v>-41124780</v>
      </c>
      <c r="AV45" s="138">
        <v>1313995521</v>
      </c>
      <c r="AW45" s="480">
        <v>2611493523</v>
      </c>
      <c r="AX45" s="545">
        <v>0</v>
      </c>
      <c r="AY45" s="44">
        <v>301</v>
      </c>
      <c r="AZ45" s="55" t="s">
        <v>322</v>
      </c>
      <c r="BA45" s="480">
        <v>3245074000</v>
      </c>
      <c r="BB45" s="480">
        <v>3244302000</v>
      </c>
      <c r="BC45" s="480">
        <v>0</v>
      </c>
      <c r="BD45" s="172">
        <v>0.99980000000000002</v>
      </c>
      <c r="BE45" s="480">
        <v>769000</v>
      </c>
      <c r="BF45" s="480">
        <v>769000</v>
      </c>
      <c r="BG45" s="480">
        <v>0</v>
      </c>
      <c r="BH45" s="172">
        <v>1</v>
      </c>
      <c r="BI45" s="266">
        <v>0</v>
      </c>
      <c r="BJ45" s="266">
        <v>0</v>
      </c>
      <c r="BK45" s="267">
        <v>0</v>
      </c>
    </row>
    <row r="46" spans="1:63" s="121" customFormat="1" ht="15" customHeight="1" x14ac:dyDescent="0.15">
      <c r="A46" s="44">
        <v>302</v>
      </c>
      <c r="B46" s="56" t="s">
        <v>323</v>
      </c>
      <c r="C46" s="480">
        <v>145765699</v>
      </c>
      <c r="D46" s="480">
        <v>1886300001</v>
      </c>
      <c r="E46" s="480">
        <v>27328417</v>
      </c>
      <c r="F46" s="480">
        <v>1913628418</v>
      </c>
      <c r="G46" s="480">
        <v>9443005</v>
      </c>
      <c r="H46" s="480">
        <v>165088422</v>
      </c>
      <c r="I46" s="480">
        <v>0</v>
      </c>
      <c r="J46" s="480">
        <v>0</v>
      </c>
      <c r="K46" s="480">
        <v>105715150</v>
      </c>
      <c r="L46" s="130">
        <v>4050000</v>
      </c>
      <c r="M46" s="545">
        <v>25942387</v>
      </c>
      <c r="N46" s="44">
        <v>302</v>
      </c>
      <c r="O46" s="56" t="s">
        <v>323</v>
      </c>
      <c r="P46" s="138">
        <v>2223867382</v>
      </c>
      <c r="Q46" s="155" t="s">
        <v>460</v>
      </c>
      <c r="R46" s="155" t="s">
        <v>460</v>
      </c>
      <c r="S46" s="155" t="s">
        <v>460</v>
      </c>
      <c r="T46" s="155" t="s">
        <v>460</v>
      </c>
      <c r="U46" s="155" t="s">
        <v>460</v>
      </c>
      <c r="V46" s="155" t="s">
        <v>460</v>
      </c>
      <c r="W46" s="155" t="s">
        <v>460</v>
      </c>
      <c r="X46" s="196" t="s">
        <v>460</v>
      </c>
      <c r="Y46" s="44">
        <v>302</v>
      </c>
      <c r="Z46" s="56" t="s">
        <v>194</v>
      </c>
      <c r="AA46" s="480">
        <v>993746474</v>
      </c>
      <c r="AB46" s="480">
        <v>68664</v>
      </c>
      <c r="AC46" s="480">
        <v>576624384</v>
      </c>
      <c r="AD46" s="480">
        <v>56815</v>
      </c>
      <c r="AE46" s="560">
        <v>481339837</v>
      </c>
      <c r="AF46" s="480">
        <v>123121000</v>
      </c>
      <c r="AG46" s="474" t="s">
        <v>381</v>
      </c>
      <c r="AH46" s="473" t="s">
        <v>382</v>
      </c>
      <c r="AI46" s="480">
        <v>19872145</v>
      </c>
      <c r="AJ46" s="545">
        <v>120127939</v>
      </c>
      <c r="AK46" s="44">
        <v>302</v>
      </c>
      <c r="AL46" s="56" t="s">
        <v>323</v>
      </c>
      <c r="AM46" s="158" t="s">
        <v>460</v>
      </c>
      <c r="AN46" s="480">
        <v>0</v>
      </c>
      <c r="AO46" s="130">
        <v>74404408</v>
      </c>
      <c r="AP46" s="547">
        <v>4758994747</v>
      </c>
      <c r="AQ46" s="480">
        <v>7730000</v>
      </c>
      <c r="AR46" s="480">
        <v>0</v>
      </c>
      <c r="AS46" s="480">
        <v>0</v>
      </c>
      <c r="AT46" s="480">
        <v>4766724747</v>
      </c>
      <c r="AU46" s="526">
        <v>212765716</v>
      </c>
      <c r="AV46" s="138">
        <v>1195035716</v>
      </c>
      <c r="AW46" s="480">
        <v>1502729909</v>
      </c>
      <c r="AX46" s="545">
        <v>0</v>
      </c>
      <c r="AY46" s="44">
        <v>302</v>
      </c>
      <c r="AZ46" s="56" t="s">
        <v>323</v>
      </c>
      <c r="BA46" s="480">
        <v>3964752600</v>
      </c>
      <c r="BB46" s="480">
        <v>3964199500</v>
      </c>
      <c r="BC46" s="480">
        <v>0</v>
      </c>
      <c r="BD46" s="169">
        <v>0.99990000000000001</v>
      </c>
      <c r="BE46" s="480">
        <v>4894800</v>
      </c>
      <c r="BF46" s="480">
        <v>3661400</v>
      </c>
      <c r="BG46" s="480">
        <v>0</v>
      </c>
      <c r="BH46" s="169">
        <v>0.748</v>
      </c>
      <c r="BI46" s="266">
        <v>0</v>
      </c>
      <c r="BJ46" s="266">
        <v>0</v>
      </c>
      <c r="BK46" s="267">
        <v>0</v>
      </c>
    </row>
    <row r="47" spans="1:63" s="121" customFormat="1" ht="15" customHeight="1" x14ac:dyDescent="0.15">
      <c r="A47" s="44">
        <v>303</v>
      </c>
      <c r="B47" s="56" t="s">
        <v>324</v>
      </c>
      <c r="C47" s="480">
        <v>172881127</v>
      </c>
      <c r="D47" s="480">
        <v>2223680871</v>
      </c>
      <c r="E47" s="480">
        <v>41816006</v>
      </c>
      <c r="F47" s="480">
        <v>2265496877</v>
      </c>
      <c r="G47" s="480">
        <v>10404519</v>
      </c>
      <c r="H47" s="480">
        <v>276957018</v>
      </c>
      <c r="I47" s="480">
        <v>0</v>
      </c>
      <c r="J47" s="480">
        <v>34946</v>
      </c>
      <c r="K47" s="480">
        <v>22485140</v>
      </c>
      <c r="L47" s="130">
        <v>7730000</v>
      </c>
      <c r="M47" s="545">
        <v>120000</v>
      </c>
      <c r="N47" s="44">
        <v>303</v>
      </c>
      <c r="O47" s="56" t="s">
        <v>324</v>
      </c>
      <c r="P47" s="138">
        <v>2583228500</v>
      </c>
      <c r="Q47" s="155" t="s">
        <v>460</v>
      </c>
      <c r="R47" s="155" t="s">
        <v>460</v>
      </c>
      <c r="S47" s="155" t="s">
        <v>460</v>
      </c>
      <c r="T47" s="155" t="s">
        <v>460</v>
      </c>
      <c r="U47" s="155" t="s">
        <v>460</v>
      </c>
      <c r="V47" s="155" t="s">
        <v>460</v>
      </c>
      <c r="W47" s="155" t="s">
        <v>460</v>
      </c>
      <c r="X47" s="196" t="s">
        <v>460</v>
      </c>
      <c r="Y47" s="44">
        <v>303</v>
      </c>
      <c r="Z47" s="56" t="s">
        <v>195</v>
      </c>
      <c r="AA47" s="480">
        <v>717394132</v>
      </c>
      <c r="AB47" s="480">
        <v>63377</v>
      </c>
      <c r="AC47" s="480">
        <v>980685</v>
      </c>
      <c r="AD47" s="480">
        <v>52440</v>
      </c>
      <c r="AE47" s="560">
        <v>423926254</v>
      </c>
      <c r="AF47" s="480">
        <v>127086000</v>
      </c>
      <c r="AG47" s="474" t="s">
        <v>381</v>
      </c>
      <c r="AH47" s="473" t="s">
        <v>382</v>
      </c>
      <c r="AI47" s="480">
        <v>21929875</v>
      </c>
      <c r="AJ47" s="545">
        <v>39315690</v>
      </c>
      <c r="AK47" s="44">
        <v>303</v>
      </c>
      <c r="AL47" s="56" t="s">
        <v>324</v>
      </c>
      <c r="AM47" s="158" t="s">
        <v>460</v>
      </c>
      <c r="AN47" s="480">
        <v>0</v>
      </c>
      <c r="AO47" s="130">
        <v>144696315</v>
      </c>
      <c r="AP47" s="547">
        <v>4231554395</v>
      </c>
      <c r="AQ47" s="480">
        <v>4000000</v>
      </c>
      <c r="AR47" s="480">
        <v>0</v>
      </c>
      <c r="AS47" s="480">
        <v>0</v>
      </c>
      <c r="AT47" s="480">
        <v>4235554395</v>
      </c>
      <c r="AU47" s="526">
        <v>87221297</v>
      </c>
      <c r="AV47" s="138">
        <v>443936549</v>
      </c>
      <c r="AW47" s="480">
        <v>817000000</v>
      </c>
      <c r="AX47" s="545">
        <v>0</v>
      </c>
      <c r="AY47" s="44">
        <v>303</v>
      </c>
      <c r="AZ47" s="56" t="s">
        <v>324</v>
      </c>
      <c r="BA47" s="480">
        <v>2273448600</v>
      </c>
      <c r="BB47" s="480">
        <v>2273448600</v>
      </c>
      <c r="BC47" s="480">
        <v>0</v>
      </c>
      <c r="BD47" s="169">
        <v>1</v>
      </c>
      <c r="BE47" s="480">
        <v>0</v>
      </c>
      <c r="BF47" s="480">
        <v>0</v>
      </c>
      <c r="BG47" s="480">
        <v>0</v>
      </c>
      <c r="BH47" s="314" t="s">
        <v>608</v>
      </c>
      <c r="BI47" s="266">
        <v>0</v>
      </c>
      <c r="BJ47" s="266">
        <v>0</v>
      </c>
      <c r="BK47" s="267">
        <v>0</v>
      </c>
    </row>
    <row r="48" spans="1:63" s="121" customFormat="1" ht="15" customHeight="1" x14ac:dyDescent="0.15">
      <c r="A48" s="44">
        <v>304</v>
      </c>
      <c r="B48" s="56" t="s">
        <v>325</v>
      </c>
      <c r="C48" s="480">
        <v>66459813</v>
      </c>
      <c r="D48" s="480">
        <v>492699206</v>
      </c>
      <c r="E48" s="480">
        <v>5695637</v>
      </c>
      <c r="F48" s="480">
        <v>498394843</v>
      </c>
      <c r="G48" s="480">
        <v>2918713</v>
      </c>
      <c r="H48" s="480">
        <v>33340854</v>
      </c>
      <c r="I48" s="480">
        <v>0</v>
      </c>
      <c r="J48" s="480">
        <v>0</v>
      </c>
      <c r="K48" s="480">
        <v>15960000</v>
      </c>
      <c r="L48" s="130">
        <v>740000</v>
      </c>
      <c r="M48" s="545">
        <v>535668</v>
      </c>
      <c r="N48" s="44">
        <v>304</v>
      </c>
      <c r="O48" s="56" t="s">
        <v>325</v>
      </c>
      <c r="P48" s="138">
        <v>551890078</v>
      </c>
      <c r="Q48" s="155" t="s">
        <v>460</v>
      </c>
      <c r="R48" s="155" t="s">
        <v>460</v>
      </c>
      <c r="S48" s="155" t="s">
        <v>460</v>
      </c>
      <c r="T48" s="155" t="s">
        <v>460</v>
      </c>
      <c r="U48" s="155" t="s">
        <v>460</v>
      </c>
      <c r="V48" s="155" t="s">
        <v>460</v>
      </c>
      <c r="W48" s="155" t="s">
        <v>460</v>
      </c>
      <c r="X48" s="196" t="s">
        <v>460</v>
      </c>
      <c r="Y48" s="44">
        <v>304</v>
      </c>
      <c r="Z48" s="56" t="s">
        <v>196</v>
      </c>
      <c r="AA48" s="480">
        <v>232533722</v>
      </c>
      <c r="AB48" s="480">
        <v>16851</v>
      </c>
      <c r="AC48" s="480">
        <v>89890264</v>
      </c>
      <c r="AD48" s="480">
        <v>13944</v>
      </c>
      <c r="AE48" s="560">
        <v>143138745</v>
      </c>
      <c r="AF48" s="480">
        <v>19715000</v>
      </c>
      <c r="AG48" s="474" t="s">
        <v>381</v>
      </c>
      <c r="AH48" s="473" t="s">
        <v>382</v>
      </c>
      <c r="AI48" s="480">
        <v>9581018</v>
      </c>
      <c r="AJ48" s="545">
        <v>24547654</v>
      </c>
      <c r="AK48" s="44">
        <v>304</v>
      </c>
      <c r="AL48" s="56" t="s">
        <v>325</v>
      </c>
      <c r="AM48" s="158" t="s">
        <v>460</v>
      </c>
      <c r="AN48" s="480">
        <v>0</v>
      </c>
      <c r="AO48" s="130">
        <v>15564979</v>
      </c>
      <c r="AP48" s="547">
        <v>1153352068</v>
      </c>
      <c r="AQ48" s="480">
        <v>47394</v>
      </c>
      <c r="AR48" s="480">
        <v>0</v>
      </c>
      <c r="AS48" s="480">
        <v>0</v>
      </c>
      <c r="AT48" s="480">
        <v>1153399462</v>
      </c>
      <c r="AU48" s="526">
        <v>58084051</v>
      </c>
      <c r="AV48" s="138">
        <v>412420475</v>
      </c>
      <c r="AW48" s="480">
        <v>477724888</v>
      </c>
      <c r="AX48" s="545">
        <v>0</v>
      </c>
      <c r="AY48" s="44">
        <v>304</v>
      </c>
      <c r="AZ48" s="56" t="s">
        <v>325</v>
      </c>
      <c r="BA48" s="480">
        <v>976367200</v>
      </c>
      <c r="BB48" s="480">
        <v>975961200</v>
      </c>
      <c r="BC48" s="480">
        <v>0</v>
      </c>
      <c r="BD48" s="169">
        <v>0.99960000000000004</v>
      </c>
      <c r="BE48" s="480">
        <v>983600</v>
      </c>
      <c r="BF48" s="480">
        <v>280900</v>
      </c>
      <c r="BG48" s="480">
        <v>0</v>
      </c>
      <c r="BH48" s="169">
        <v>0.28560000000000002</v>
      </c>
      <c r="BI48" s="266">
        <v>0</v>
      </c>
      <c r="BJ48" s="266">
        <v>0</v>
      </c>
      <c r="BK48" s="267">
        <v>0</v>
      </c>
    </row>
    <row r="49" spans="1:63" s="121" customFormat="1" ht="15" customHeight="1" x14ac:dyDescent="0.15">
      <c r="A49" s="44">
        <v>305</v>
      </c>
      <c r="B49" s="56" t="s">
        <v>326</v>
      </c>
      <c r="C49" s="480">
        <v>134907731</v>
      </c>
      <c r="D49" s="480">
        <v>1020619277</v>
      </c>
      <c r="E49" s="480">
        <v>14318992</v>
      </c>
      <c r="F49" s="480">
        <v>1034938269</v>
      </c>
      <c r="G49" s="480">
        <v>5334982</v>
      </c>
      <c r="H49" s="480">
        <v>89575911</v>
      </c>
      <c r="I49" s="480">
        <v>0</v>
      </c>
      <c r="J49" s="480">
        <v>0</v>
      </c>
      <c r="K49" s="480">
        <v>16727790</v>
      </c>
      <c r="L49" s="130">
        <v>1150000</v>
      </c>
      <c r="M49" s="545">
        <v>36405075</v>
      </c>
      <c r="N49" s="44">
        <v>305</v>
      </c>
      <c r="O49" s="56" t="s">
        <v>326</v>
      </c>
      <c r="P49" s="138">
        <v>1184132027</v>
      </c>
      <c r="Q49" s="155" t="s">
        <v>460</v>
      </c>
      <c r="R49" s="155" t="s">
        <v>460</v>
      </c>
      <c r="S49" s="155" t="s">
        <v>460</v>
      </c>
      <c r="T49" s="155" t="s">
        <v>460</v>
      </c>
      <c r="U49" s="155" t="s">
        <v>460</v>
      </c>
      <c r="V49" s="155" t="s">
        <v>460</v>
      </c>
      <c r="W49" s="155" t="s">
        <v>460</v>
      </c>
      <c r="X49" s="196" t="s">
        <v>460</v>
      </c>
      <c r="Y49" s="44">
        <v>305</v>
      </c>
      <c r="Z49" s="56" t="s">
        <v>197</v>
      </c>
      <c r="AA49" s="480">
        <v>458882428</v>
      </c>
      <c r="AB49" s="480">
        <v>34105</v>
      </c>
      <c r="AC49" s="480">
        <v>160137624</v>
      </c>
      <c r="AD49" s="480">
        <v>28220</v>
      </c>
      <c r="AE49" s="560">
        <v>255896043</v>
      </c>
      <c r="AF49" s="480">
        <v>41782000</v>
      </c>
      <c r="AG49" s="474" t="s">
        <v>381</v>
      </c>
      <c r="AH49" s="473" t="s">
        <v>382</v>
      </c>
      <c r="AI49" s="480">
        <v>0</v>
      </c>
      <c r="AJ49" s="545">
        <v>74559603</v>
      </c>
      <c r="AK49" s="44">
        <v>305</v>
      </c>
      <c r="AL49" s="56" t="s">
        <v>326</v>
      </c>
      <c r="AM49" s="158" t="s">
        <v>460</v>
      </c>
      <c r="AN49" s="480">
        <v>0</v>
      </c>
      <c r="AO49" s="130">
        <v>55406153</v>
      </c>
      <c r="AP49" s="547">
        <v>2365765934</v>
      </c>
      <c r="AQ49" s="480">
        <v>6034000</v>
      </c>
      <c r="AR49" s="480">
        <v>0</v>
      </c>
      <c r="AS49" s="480">
        <v>0</v>
      </c>
      <c r="AT49" s="480">
        <v>2371799934</v>
      </c>
      <c r="AU49" s="526">
        <v>81790555</v>
      </c>
      <c r="AV49" s="138">
        <v>1015033765</v>
      </c>
      <c r="AW49" s="480">
        <v>662499323</v>
      </c>
      <c r="AX49" s="545">
        <v>0</v>
      </c>
      <c r="AY49" s="44">
        <v>305</v>
      </c>
      <c r="AZ49" s="56" t="s">
        <v>326</v>
      </c>
      <c r="BA49" s="480">
        <v>1446550500</v>
      </c>
      <c r="BB49" s="480">
        <v>1446550500</v>
      </c>
      <c r="BC49" s="480">
        <v>0</v>
      </c>
      <c r="BD49" s="169">
        <v>1</v>
      </c>
      <c r="BE49" s="480">
        <v>0</v>
      </c>
      <c r="BF49" s="480">
        <v>0</v>
      </c>
      <c r="BG49" s="480">
        <v>0</v>
      </c>
      <c r="BH49" s="314" t="s">
        <v>608</v>
      </c>
      <c r="BI49" s="266">
        <v>0</v>
      </c>
      <c r="BJ49" s="266">
        <v>0</v>
      </c>
      <c r="BK49" s="267">
        <v>0</v>
      </c>
    </row>
    <row r="50" spans="1:63" s="121" customFormat="1" ht="15" customHeight="1" thickBot="1" x14ac:dyDescent="0.2">
      <c r="A50" s="54">
        <v>306</v>
      </c>
      <c r="B50" s="57" t="s">
        <v>327</v>
      </c>
      <c r="C50" s="480">
        <v>827757040</v>
      </c>
      <c r="D50" s="480">
        <v>10504070194</v>
      </c>
      <c r="E50" s="480">
        <v>146489817</v>
      </c>
      <c r="F50" s="480">
        <v>10650560011</v>
      </c>
      <c r="G50" s="480">
        <v>47803171</v>
      </c>
      <c r="H50" s="480">
        <v>1166403940</v>
      </c>
      <c r="I50" s="561">
        <v>6988</v>
      </c>
      <c r="J50" s="561">
        <v>0</v>
      </c>
      <c r="K50" s="480">
        <v>267056077</v>
      </c>
      <c r="L50" s="562">
        <v>10600000</v>
      </c>
      <c r="M50" s="563">
        <v>556549998</v>
      </c>
      <c r="N50" s="54">
        <v>306</v>
      </c>
      <c r="O50" s="57" t="s">
        <v>327</v>
      </c>
      <c r="P50" s="564">
        <v>12698980185</v>
      </c>
      <c r="Q50" s="565" t="s">
        <v>460</v>
      </c>
      <c r="R50" s="565" t="s">
        <v>460</v>
      </c>
      <c r="S50" s="565" t="s">
        <v>460</v>
      </c>
      <c r="T50" s="565" t="s">
        <v>460</v>
      </c>
      <c r="U50" s="565" t="s">
        <v>460</v>
      </c>
      <c r="V50" s="565" t="s">
        <v>460</v>
      </c>
      <c r="W50" s="565" t="s">
        <v>460</v>
      </c>
      <c r="X50" s="566" t="s">
        <v>460</v>
      </c>
      <c r="Y50" s="54">
        <v>306</v>
      </c>
      <c r="Z50" s="57" t="s">
        <v>198</v>
      </c>
      <c r="AA50" s="561">
        <v>4715386816</v>
      </c>
      <c r="AB50" s="561">
        <v>330493</v>
      </c>
      <c r="AC50" s="561">
        <v>2501778123</v>
      </c>
      <c r="AD50" s="561">
        <v>273458</v>
      </c>
      <c r="AE50" s="567">
        <v>2123247238</v>
      </c>
      <c r="AF50" s="561">
        <v>537908000</v>
      </c>
      <c r="AG50" s="474" t="s">
        <v>381</v>
      </c>
      <c r="AH50" s="473" t="s">
        <v>382</v>
      </c>
      <c r="AI50" s="561">
        <v>85839647</v>
      </c>
      <c r="AJ50" s="545">
        <v>398752970</v>
      </c>
      <c r="AK50" s="54">
        <v>306</v>
      </c>
      <c r="AL50" s="57" t="s">
        <v>327</v>
      </c>
      <c r="AM50" s="568" t="s">
        <v>476</v>
      </c>
      <c r="AN50" s="561">
        <v>0</v>
      </c>
      <c r="AO50" s="562">
        <v>1376228491</v>
      </c>
      <c r="AP50" s="547">
        <v>25266482461</v>
      </c>
      <c r="AQ50" s="480">
        <v>23500000</v>
      </c>
      <c r="AR50" s="561">
        <v>0</v>
      </c>
      <c r="AS50" s="561">
        <v>0</v>
      </c>
      <c r="AT50" s="480">
        <v>25289982461</v>
      </c>
      <c r="AU50" s="526">
        <v>237269517</v>
      </c>
      <c r="AV50" s="138">
        <v>2237403933</v>
      </c>
      <c r="AW50" s="480">
        <v>3500366472</v>
      </c>
      <c r="AX50" s="569">
        <v>0</v>
      </c>
      <c r="AY50" s="54">
        <v>306</v>
      </c>
      <c r="AZ50" s="57" t="s">
        <v>327</v>
      </c>
      <c r="BA50" s="561">
        <v>9628487175</v>
      </c>
      <c r="BB50" s="561">
        <v>9628487175</v>
      </c>
      <c r="BC50" s="561">
        <v>0</v>
      </c>
      <c r="BD50" s="174">
        <v>1</v>
      </c>
      <c r="BE50" s="561">
        <v>0</v>
      </c>
      <c r="BF50" s="561">
        <v>0</v>
      </c>
      <c r="BG50" s="561">
        <v>0</v>
      </c>
      <c r="BH50" s="315" t="s">
        <v>608</v>
      </c>
      <c r="BI50" s="271">
        <v>0</v>
      </c>
      <c r="BJ50" s="271">
        <v>0</v>
      </c>
      <c r="BK50" s="272">
        <v>0</v>
      </c>
    </row>
    <row r="51" spans="1:63" s="1232" customFormat="1" ht="15" customHeight="1" thickTop="1" thickBot="1" x14ac:dyDescent="0.2">
      <c r="A51" s="1630" t="s">
        <v>328</v>
      </c>
      <c r="B51" s="1631"/>
      <c r="C51" s="570">
        <v>1464272419</v>
      </c>
      <c r="D51" s="570">
        <v>17866574161</v>
      </c>
      <c r="E51" s="570">
        <v>248003781</v>
      </c>
      <c r="F51" s="570">
        <v>18114577942</v>
      </c>
      <c r="G51" s="570">
        <v>83422862</v>
      </c>
      <c r="H51" s="570">
        <v>1873535891</v>
      </c>
      <c r="I51" s="570">
        <v>6988</v>
      </c>
      <c r="J51" s="570">
        <v>34946</v>
      </c>
      <c r="K51" s="570">
        <v>447260147</v>
      </c>
      <c r="L51" s="570">
        <v>26570000</v>
      </c>
      <c r="M51" s="575">
        <v>620469128</v>
      </c>
      <c r="N51" s="1630" t="s">
        <v>328</v>
      </c>
      <c r="O51" s="1631"/>
      <c r="P51" s="571">
        <v>21165877904</v>
      </c>
      <c r="Q51" s="572" t="s">
        <v>460</v>
      </c>
      <c r="R51" s="572" t="s">
        <v>460</v>
      </c>
      <c r="S51" s="572" t="s">
        <v>460</v>
      </c>
      <c r="T51" s="572" t="s">
        <v>460</v>
      </c>
      <c r="U51" s="572" t="s">
        <v>460</v>
      </c>
      <c r="V51" s="572" t="s">
        <v>460</v>
      </c>
      <c r="W51" s="572" t="s">
        <v>460</v>
      </c>
      <c r="X51" s="573" t="s">
        <v>476</v>
      </c>
      <c r="Y51" s="1630" t="s">
        <v>199</v>
      </c>
      <c r="Z51" s="1631"/>
      <c r="AA51" s="570">
        <v>7890331058</v>
      </c>
      <c r="AB51" s="570">
        <v>568271</v>
      </c>
      <c r="AC51" s="570">
        <v>3582864656</v>
      </c>
      <c r="AD51" s="570">
        <v>470205</v>
      </c>
      <c r="AE51" s="570">
        <v>3926610374</v>
      </c>
      <c r="AF51" s="570">
        <v>1000644000</v>
      </c>
      <c r="AG51" s="571">
        <v>0</v>
      </c>
      <c r="AH51" s="571">
        <v>0</v>
      </c>
      <c r="AI51" s="570">
        <v>161659545</v>
      </c>
      <c r="AJ51" s="575">
        <v>764009476</v>
      </c>
      <c r="AK51" s="1630" t="s">
        <v>328</v>
      </c>
      <c r="AL51" s="1631"/>
      <c r="AM51" s="574" t="s">
        <v>470</v>
      </c>
      <c r="AN51" s="570">
        <v>0</v>
      </c>
      <c r="AO51" s="570">
        <v>1710708322</v>
      </c>
      <c r="AP51" s="570">
        <v>41668016230</v>
      </c>
      <c r="AQ51" s="570">
        <v>44070260</v>
      </c>
      <c r="AR51" s="570">
        <v>0</v>
      </c>
      <c r="AS51" s="570">
        <v>0</v>
      </c>
      <c r="AT51" s="570">
        <v>41712086490</v>
      </c>
      <c r="AU51" s="570">
        <v>636006356</v>
      </c>
      <c r="AV51" s="570">
        <v>6617825959</v>
      </c>
      <c r="AW51" s="570">
        <v>9571814115</v>
      </c>
      <c r="AX51" s="575">
        <v>0</v>
      </c>
      <c r="AY51" s="1630" t="s">
        <v>328</v>
      </c>
      <c r="AZ51" s="1631"/>
      <c r="BA51" s="570">
        <v>21534680075</v>
      </c>
      <c r="BB51" s="570">
        <v>21532948975</v>
      </c>
      <c r="BC51" s="570">
        <v>0</v>
      </c>
      <c r="BD51" s="287">
        <v>0.99990000000000001</v>
      </c>
      <c r="BE51" s="570">
        <v>6647400</v>
      </c>
      <c r="BF51" s="570">
        <v>4711300</v>
      </c>
      <c r="BG51" s="570">
        <v>0</v>
      </c>
      <c r="BH51" s="287">
        <v>0.7087</v>
      </c>
      <c r="BI51" s="263">
        <v>0</v>
      </c>
      <c r="BJ51" s="286">
        <v>0</v>
      </c>
      <c r="BK51" s="273">
        <v>0</v>
      </c>
    </row>
    <row r="52" spans="1:63" s="1232" customFormat="1" ht="12" x14ac:dyDescent="0.15">
      <c r="A52" s="709"/>
      <c r="B52" s="710"/>
      <c r="C52" s="711"/>
      <c r="D52" s="711"/>
      <c r="E52" s="711"/>
      <c r="F52" s="711"/>
      <c r="G52" s="711"/>
      <c r="H52" s="711"/>
      <c r="I52" s="711"/>
      <c r="J52" s="711"/>
      <c r="K52" s="711"/>
      <c r="L52" s="711"/>
      <c r="M52" s="711"/>
      <c r="N52" s="709"/>
      <c r="O52" s="710"/>
      <c r="P52" s="712"/>
      <c r="Q52" s="713"/>
      <c r="R52" s="713"/>
      <c r="S52" s="713"/>
      <c r="T52" s="713"/>
      <c r="U52" s="713"/>
      <c r="V52" s="713"/>
      <c r="W52" s="713"/>
      <c r="X52" s="713"/>
      <c r="Y52" s="709"/>
      <c r="Z52" s="710"/>
      <c r="AA52" s="711"/>
      <c r="AB52" s="711"/>
      <c r="AC52" s="711"/>
      <c r="AD52" s="711"/>
      <c r="AE52" s="711"/>
      <c r="AF52" s="711"/>
      <c r="AG52" s="712"/>
      <c r="AH52" s="712"/>
      <c r="AI52" s="711"/>
      <c r="AJ52" s="711"/>
      <c r="AK52" s="709"/>
      <c r="AL52" s="710"/>
      <c r="AM52" s="714"/>
      <c r="AN52" s="711"/>
      <c r="AO52" s="711"/>
      <c r="AP52" s="711"/>
      <c r="AQ52" s="711"/>
      <c r="AR52" s="711"/>
      <c r="AS52" s="711"/>
      <c r="AT52" s="711"/>
      <c r="AU52" s="711"/>
      <c r="AV52" s="711"/>
      <c r="AW52" s="711"/>
      <c r="AX52" s="711"/>
      <c r="AY52" s="709"/>
      <c r="AZ52" s="710"/>
      <c r="BA52" s="719" t="s">
        <v>609</v>
      </c>
      <c r="BB52" s="711"/>
      <c r="BC52" s="711"/>
      <c r="BD52" s="715"/>
      <c r="BE52" s="711"/>
      <c r="BF52" s="711"/>
      <c r="BG52" s="711"/>
      <c r="BH52" s="715"/>
      <c r="BI52" s="716"/>
      <c r="BJ52" s="717"/>
      <c r="BK52" s="718"/>
    </row>
    <row r="53" spans="1:63" s="121" customFormat="1" ht="10.5" customHeight="1" x14ac:dyDescent="0.15">
      <c r="C53" s="135"/>
      <c r="W53" s="1233"/>
      <c r="X53" s="1233"/>
      <c r="AA53" s="135"/>
      <c r="AB53" s="135"/>
      <c r="AC53" s="135"/>
      <c r="AD53" s="135"/>
      <c r="AE53" s="1233"/>
      <c r="AF53" s="1233"/>
      <c r="AG53" s="1233"/>
      <c r="AH53" s="1233"/>
      <c r="AI53" s="1233"/>
      <c r="AJ53" s="1233"/>
      <c r="AN53" s="1233"/>
      <c r="AO53" s="1233"/>
      <c r="AP53" s="135"/>
      <c r="AQ53" s="1233"/>
      <c r="AR53" s="1233"/>
      <c r="AS53" s="1233"/>
      <c r="AT53" s="1233"/>
      <c r="AU53" s="1234"/>
      <c r="AV53" s="1233"/>
      <c r="AW53" s="1235"/>
      <c r="AX53" s="1236"/>
      <c r="AZ53" s="180"/>
      <c r="BA53" s="1236"/>
      <c r="BB53" s="1237"/>
      <c r="BC53" s="1237"/>
      <c r="BE53" s="1236"/>
      <c r="BF53" s="1237"/>
      <c r="BG53" s="1237"/>
    </row>
    <row r="54" spans="1:63" s="121" customFormat="1" ht="10.5" customHeight="1" x14ac:dyDescent="0.2">
      <c r="AA54" s="135"/>
      <c r="AB54" s="135"/>
      <c r="AC54" s="135"/>
      <c r="AD54" s="135"/>
      <c r="AP54" s="135"/>
      <c r="AU54" s="1238"/>
      <c r="AW54" s="1235"/>
      <c r="BB54" s="1237"/>
      <c r="BC54" s="1237"/>
      <c r="BF54" s="1237"/>
      <c r="BG54" s="1237"/>
    </row>
    <row r="55" spans="1:63" x14ac:dyDescent="0.15">
      <c r="C55" s="1239"/>
      <c r="D55" s="135"/>
      <c r="E55" s="135"/>
      <c r="F55" s="1240"/>
    </row>
    <row r="56" spans="1:63" ht="7.5" customHeight="1" x14ac:dyDescent="0.15">
      <c r="C56" s="1239"/>
      <c r="D56" s="1240"/>
      <c r="E56" s="1240"/>
      <c r="F56" s="1240"/>
    </row>
    <row r="57" spans="1:63" ht="14.25" customHeight="1" x14ac:dyDescent="0.15">
      <c r="B57" s="1242"/>
      <c r="C57" s="1240"/>
      <c r="D57" s="1240"/>
      <c r="E57" s="1240"/>
      <c r="F57" s="1240"/>
      <c r="G57" s="1240"/>
      <c r="H57" s="1240"/>
      <c r="I57" s="1240"/>
      <c r="J57" s="1240"/>
      <c r="K57" s="1240"/>
      <c r="L57" s="1240"/>
      <c r="M57" s="1240"/>
      <c r="N57" s="1240"/>
      <c r="O57" s="1240"/>
      <c r="P57" s="1240"/>
      <c r="Q57" s="1240"/>
      <c r="R57" s="1240"/>
      <c r="S57" s="1240"/>
      <c r="T57" s="1240"/>
      <c r="U57" s="1240"/>
      <c r="V57" s="1240"/>
      <c r="W57" s="1240"/>
      <c r="X57" s="1240"/>
      <c r="Y57" s="1240"/>
      <c r="Z57" s="1240"/>
      <c r="AE57" s="1240"/>
      <c r="AF57" s="1240"/>
      <c r="AG57" s="1240"/>
      <c r="AH57" s="1240"/>
      <c r="AI57" s="1240"/>
      <c r="AJ57" s="1240"/>
      <c r="AK57" s="1240"/>
      <c r="AL57" s="1240"/>
      <c r="AM57" s="1240"/>
      <c r="AN57" s="1240"/>
      <c r="AO57" s="1240"/>
      <c r="AP57" s="1240"/>
      <c r="AQ57" s="1240"/>
      <c r="AR57" s="1240"/>
      <c r="AS57" s="1240"/>
      <c r="AT57" s="1240"/>
      <c r="AV57" s="1240"/>
      <c r="AW57" s="1240"/>
      <c r="AX57" s="1240"/>
      <c r="AY57" s="1240"/>
      <c r="AZ57" s="1240"/>
      <c r="BA57" s="1240"/>
      <c r="BB57" s="1240"/>
      <c r="BC57" s="1240"/>
      <c r="BD57" s="1240"/>
      <c r="BE57" s="1240"/>
      <c r="BF57" s="1240"/>
      <c r="BG57" s="1240"/>
      <c r="BH57" s="1240"/>
      <c r="BI57" s="1240"/>
      <c r="BJ57" s="1240"/>
      <c r="BK57" s="1240"/>
    </row>
    <row r="58" spans="1:63" ht="14.25" customHeight="1" x14ac:dyDescent="0.15">
      <c r="B58" s="1242"/>
      <c r="C58" s="1240"/>
      <c r="D58" s="1240"/>
      <c r="E58" s="1240"/>
      <c r="F58" s="1240"/>
      <c r="G58" s="1240"/>
      <c r="H58" s="1240"/>
      <c r="I58" s="1240"/>
      <c r="J58" s="1240"/>
      <c r="K58" s="1240"/>
      <c r="L58" s="1240"/>
      <c r="M58" s="1240"/>
      <c r="N58" s="1240"/>
      <c r="O58" s="1240"/>
      <c r="P58" s="1240"/>
      <c r="Q58" s="1240"/>
      <c r="R58" s="1240"/>
      <c r="S58" s="1240"/>
      <c r="T58" s="1240"/>
      <c r="U58" s="1240"/>
      <c r="V58" s="1240"/>
      <c r="W58" s="1240"/>
      <c r="X58" s="1240"/>
      <c r="Y58" s="1240"/>
      <c r="Z58" s="1240"/>
      <c r="AE58" s="1240"/>
      <c r="AF58" s="1240"/>
      <c r="AG58" s="1240"/>
      <c r="AH58" s="1240"/>
      <c r="AI58" s="1240"/>
      <c r="AJ58" s="1240"/>
      <c r="AK58" s="1240"/>
      <c r="AL58" s="1240"/>
      <c r="AM58" s="1240"/>
      <c r="AN58" s="1240"/>
      <c r="AO58" s="1240"/>
      <c r="AP58" s="1240"/>
      <c r="AQ58" s="1240"/>
      <c r="AR58" s="1240"/>
      <c r="AS58" s="1240"/>
      <c r="AT58" s="1240"/>
      <c r="AV58" s="1240"/>
      <c r="AW58" s="1240"/>
      <c r="AX58" s="1240"/>
      <c r="AY58" s="1240"/>
      <c r="AZ58" s="1240"/>
      <c r="BA58" s="1240"/>
      <c r="BB58" s="1240"/>
      <c r="BC58" s="1240"/>
      <c r="BD58" s="1240"/>
      <c r="BE58" s="1240"/>
      <c r="BF58" s="1240"/>
      <c r="BG58" s="1240"/>
      <c r="BH58" s="1240"/>
      <c r="BI58" s="1240"/>
      <c r="BJ58" s="1240"/>
      <c r="BK58" s="1240"/>
    </row>
    <row r="59" spans="1:63" ht="12.75" customHeight="1" x14ac:dyDescent="0.15">
      <c r="C59" s="1240"/>
      <c r="D59" s="1240"/>
      <c r="E59" s="1240"/>
      <c r="F59" s="1240"/>
      <c r="G59" s="1240"/>
      <c r="H59" s="1240"/>
      <c r="I59" s="1240"/>
      <c r="J59" s="1240"/>
      <c r="K59" s="1240"/>
      <c r="L59" s="1240"/>
      <c r="M59" s="1240"/>
      <c r="N59" s="1240"/>
      <c r="O59" s="1240"/>
      <c r="P59" s="1240"/>
      <c r="Q59" s="1240"/>
      <c r="R59" s="1240"/>
      <c r="S59" s="1240"/>
      <c r="T59" s="1240"/>
      <c r="U59" s="1240"/>
      <c r="V59" s="1240"/>
      <c r="W59" s="1240"/>
      <c r="X59" s="1240"/>
      <c r="Y59" s="1240"/>
      <c r="Z59" s="1240"/>
      <c r="AE59" s="1240"/>
      <c r="AF59" s="1240"/>
      <c r="AG59" s="1240"/>
      <c r="AH59" s="1240"/>
      <c r="AI59" s="1240"/>
      <c r="AJ59" s="1240"/>
      <c r="AK59" s="1240"/>
      <c r="AL59" s="1240"/>
      <c r="AM59" s="1240"/>
      <c r="AN59" s="1240"/>
      <c r="AO59" s="1240"/>
      <c r="AP59" s="1240"/>
      <c r="AQ59" s="1240"/>
      <c r="AR59" s="1240"/>
      <c r="AS59" s="1240"/>
      <c r="AT59" s="1240"/>
      <c r="AV59" s="1240"/>
      <c r="AW59" s="1240"/>
      <c r="AX59" s="1240"/>
      <c r="AY59" s="1240"/>
      <c r="AZ59" s="1240"/>
      <c r="BA59" s="1240"/>
      <c r="BB59" s="1240"/>
      <c r="BC59" s="1240"/>
      <c r="BD59" s="1240"/>
      <c r="BE59" s="1240"/>
      <c r="BF59" s="1240"/>
      <c r="BG59" s="1240"/>
      <c r="BH59" s="1240"/>
      <c r="BI59" s="1240"/>
      <c r="BJ59" s="1240"/>
      <c r="BK59" s="1240"/>
    </row>
    <row r="60" spans="1:63" ht="12.75" customHeight="1" x14ac:dyDescent="0.15">
      <c r="C60" s="1240"/>
    </row>
    <row r="61" spans="1:63" ht="24.75" customHeight="1" x14ac:dyDescent="0.15">
      <c r="C61" s="1240"/>
      <c r="AW61" s="1243"/>
      <c r="AX61" s="1243"/>
      <c r="AY61" s="1244"/>
      <c r="AZ61" s="1244"/>
      <c r="BA61" s="1245"/>
      <c r="BE61" s="1243"/>
      <c r="BF61" s="1243"/>
      <c r="BG61" s="1243"/>
      <c r="BH61" s="1245"/>
    </row>
    <row r="62" spans="1:63" x14ac:dyDescent="0.15">
      <c r="C62" s="1239"/>
      <c r="AW62" s="720"/>
      <c r="AX62" s="1246"/>
      <c r="AY62" s="1247"/>
      <c r="AZ62" s="1247"/>
      <c r="BA62" s="1248"/>
      <c r="BD62" s="1249"/>
      <c r="BE62" s="720"/>
      <c r="BF62" s="1246"/>
      <c r="BG62" s="1246"/>
      <c r="BH62" s="1248"/>
    </row>
    <row r="63" spans="1:63" x14ac:dyDescent="0.15">
      <c r="C63" s="1239"/>
      <c r="AW63" s="1246"/>
      <c r="AX63" s="1246"/>
      <c r="AY63" s="1247"/>
      <c r="AZ63" s="1247"/>
      <c r="BA63" s="1248"/>
      <c r="BD63" s="1249"/>
      <c r="BE63" s="1246"/>
      <c r="BF63" s="1246"/>
      <c r="BG63" s="1246"/>
      <c r="BH63" s="1248"/>
    </row>
    <row r="64" spans="1:63" x14ac:dyDescent="0.15">
      <c r="C64" s="1239"/>
      <c r="AW64" s="61"/>
      <c r="AX64" s="61"/>
      <c r="BA64" s="61"/>
    </row>
    <row r="65" spans="3:60" x14ac:dyDescent="0.15">
      <c r="C65" s="1239"/>
      <c r="AW65" s="61"/>
      <c r="AX65" s="61"/>
      <c r="BA65" s="61"/>
    </row>
    <row r="66" spans="3:60" x14ac:dyDescent="0.15">
      <c r="C66" s="1239"/>
      <c r="BE66" s="61">
        <v>43101124468</v>
      </c>
      <c r="BF66" s="61">
        <v>2455095</v>
      </c>
      <c r="BG66" s="61"/>
      <c r="BH66" s="1248">
        <v>17555.786830244859</v>
      </c>
    </row>
    <row r="67" spans="3:60" x14ac:dyDescent="0.15">
      <c r="C67" s="1239"/>
    </row>
    <row r="68" spans="3:60" x14ac:dyDescent="0.15">
      <c r="C68" s="1239"/>
    </row>
    <row r="69" spans="3:60" x14ac:dyDescent="0.15">
      <c r="C69" s="1239"/>
    </row>
    <row r="70" spans="3:60" x14ac:dyDescent="0.15">
      <c r="C70" s="1239"/>
    </row>
    <row r="71" spans="3:60" x14ac:dyDescent="0.15">
      <c r="C71" s="1239"/>
    </row>
    <row r="72" spans="3:60" x14ac:dyDescent="0.15">
      <c r="C72" s="1239"/>
    </row>
    <row r="73" spans="3:60" x14ac:dyDescent="0.15">
      <c r="C73" s="1239"/>
    </row>
    <row r="74" spans="3:60" x14ac:dyDescent="0.15">
      <c r="C74" s="1239"/>
    </row>
    <row r="75" spans="3:60" x14ac:dyDescent="0.15">
      <c r="C75" s="1239"/>
    </row>
    <row r="76" spans="3:60" x14ac:dyDescent="0.15">
      <c r="C76" s="1239"/>
    </row>
    <row r="77" spans="3:60" x14ac:dyDescent="0.15">
      <c r="C77" s="1239"/>
    </row>
    <row r="78" spans="3:60" x14ac:dyDescent="0.15">
      <c r="C78" s="1239"/>
    </row>
    <row r="79" spans="3:60" x14ac:dyDescent="0.15">
      <c r="C79" s="1239"/>
    </row>
    <row r="80" spans="3:60" x14ac:dyDescent="0.15">
      <c r="C80" s="1239"/>
    </row>
    <row r="81" spans="3:3" x14ac:dyDescent="0.15">
      <c r="C81" s="1239"/>
    </row>
    <row r="82" spans="3:3" x14ac:dyDescent="0.15">
      <c r="C82" s="1239"/>
    </row>
    <row r="83" spans="3:3" x14ac:dyDescent="0.15">
      <c r="C83" s="1239"/>
    </row>
    <row r="84" spans="3:3" x14ac:dyDescent="0.15">
      <c r="C84" s="1239"/>
    </row>
    <row r="85" spans="3:3" x14ac:dyDescent="0.15">
      <c r="C85" s="1239"/>
    </row>
    <row r="86" spans="3:3" x14ac:dyDescent="0.15">
      <c r="C86" s="1239"/>
    </row>
    <row r="87" spans="3:3" x14ac:dyDescent="0.15">
      <c r="C87" s="1239"/>
    </row>
    <row r="88" spans="3:3" x14ac:dyDescent="0.15">
      <c r="C88" s="1239"/>
    </row>
    <row r="89" spans="3:3" x14ac:dyDescent="0.15">
      <c r="C89" s="1239"/>
    </row>
    <row r="90" spans="3:3" x14ac:dyDescent="0.15">
      <c r="C90" s="1239"/>
    </row>
    <row r="91" spans="3:3" x14ac:dyDescent="0.15">
      <c r="C91" s="1239"/>
    </row>
    <row r="92" spans="3:3" x14ac:dyDescent="0.15">
      <c r="C92" s="1239"/>
    </row>
    <row r="93" spans="3:3" x14ac:dyDescent="0.15">
      <c r="C93" s="1239"/>
    </row>
    <row r="94" spans="3:3" x14ac:dyDescent="0.15">
      <c r="C94" s="1239"/>
    </row>
    <row r="95" spans="3:3" x14ac:dyDescent="0.15">
      <c r="C95" s="1239"/>
    </row>
    <row r="96" spans="3:3" x14ac:dyDescent="0.15">
      <c r="C96" s="1239"/>
    </row>
    <row r="97" spans="3:3" x14ac:dyDescent="0.15">
      <c r="C97" s="1239"/>
    </row>
    <row r="98" spans="3:3" x14ac:dyDescent="0.15">
      <c r="C98" s="1239"/>
    </row>
    <row r="99" spans="3:3" x14ac:dyDescent="0.15">
      <c r="C99" s="1239"/>
    </row>
    <row r="100" spans="3:3" x14ac:dyDescent="0.15">
      <c r="C100" s="1239"/>
    </row>
    <row r="101" spans="3:3" x14ac:dyDescent="0.15">
      <c r="C101" s="1239"/>
    </row>
    <row r="102" spans="3:3" x14ac:dyDescent="0.15">
      <c r="C102" s="1239"/>
    </row>
    <row r="103" spans="3:3" x14ac:dyDescent="0.15">
      <c r="C103" s="1239"/>
    </row>
    <row r="104" spans="3:3" x14ac:dyDescent="0.15">
      <c r="C104" s="1239"/>
    </row>
    <row r="105" spans="3:3" x14ac:dyDescent="0.15">
      <c r="C105" s="1239"/>
    </row>
    <row r="106" spans="3:3" x14ac:dyDescent="0.15">
      <c r="C106" s="1239"/>
    </row>
    <row r="107" spans="3:3" x14ac:dyDescent="0.15">
      <c r="C107" s="1239"/>
    </row>
    <row r="108" spans="3:3" x14ac:dyDescent="0.15">
      <c r="C108" s="1239"/>
    </row>
    <row r="109" spans="3:3" x14ac:dyDescent="0.15">
      <c r="C109" s="1239"/>
    </row>
    <row r="111" spans="3:3" x14ac:dyDescent="0.15">
      <c r="C111" s="1239"/>
    </row>
    <row r="112" spans="3:3" x14ac:dyDescent="0.15">
      <c r="C112" s="1239"/>
    </row>
    <row r="113" spans="3:3" x14ac:dyDescent="0.15">
      <c r="C113" s="1239"/>
    </row>
    <row r="114" spans="3:3" x14ac:dyDescent="0.15">
      <c r="C114" s="1239"/>
    </row>
    <row r="115" spans="3:3" x14ac:dyDescent="0.15">
      <c r="C115" s="1239"/>
    </row>
    <row r="116" spans="3:3" x14ac:dyDescent="0.15">
      <c r="C116" s="1239"/>
    </row>
    <row r="117" spans="3:3" x14ac:dyDescent="0.15">
      <c r="C117" s="1239"/>
    </row>
    <row r="118" spans="3:3" x14ac:dyDescent="0.15">
      <c r="C118" s="1239"/>
    </row>
    <row r="119" spans="3:3" x14ac:dyDescent="0.15">
      <c r="C119" s="1239"/>
    </row>
    <row r="120" spans="3:3" x14ac:dyDescent="0.15">
      <c r="C120" s="1239"/>
    </row>
    <row r="121" spans="3:3" x14ac:dyDescent="0.15">
      <c r="C121" s="1239"/>
    </row>
    <row r="122" spans="3:3" x14ac:dyDescent="0.15">
      <c r="C122" s="1239"/>
    </row>
    <row r="123" spans="3:3" x14ac:dyDescent="0.15">
      <c r="C123" s="1239"/>
    </row>
    <row r="124" spans="3:3" x14ac:dyDescent="0.15">
      <c r="C124" s="1239"/>
    </row>
    <row r="125" spans="3:3" x14ac:dyDescent="0.15">
      <c r="C125" s="1239"/>
    </row>
    <row r="126" spans="3:3" x14ac:dyDescent="0.15">
      <c r="C126" s="1239"/>
    </row>
    <row r="127" spans="3:3" x14ac:dyDescent="0.15">
      <c r="C127" s="1239"/>
    </row>
    <row r="128" spans="3:3" x14ac:dyDescent="0.15">
      <c r="C128" s="1239"/>
    </row>
    <row r="129" spans="3:3" x14ac:dyDescent="0.15">
      <c r="C129" s="1239"/>
    </row>
    <row r="130" spans="3:3" x14ac:dyDescent="0.15">
      <c r="C130" s="1239"/>
    </row>
    <row r="131" spans="3:3" x14ac:dyDescent="0.15">
      <c r="C131" s="1239"/>
    </row>
    <row r="132" spans="3:3" x14ac:dyDescent="0.15">
      <c r="C132" s="1239"/>
    </row>
    <row r="133" spans="3:3" x14ac:dyDescent="0.15">
      <c r="C133" s="1239"/>
    </row>
    <row r="134" spans="3:3" x14ac:dyDescent="0.15">
      <c r="C134" s="1239"/>
    </row>
    <row r="135" spans="3:3" x14ac:dyDescent="0.15">
      <c r="C135" s="1239"/>
    </row>
    <row r="136" spans="3:3" x14ac:dyDescent="0.15">
      <c r="C136" s="1239"/>
    </row>
    <row r="137" spans="3:3" x14ac:dyDescent="0.15">
      <c r="C137" s="1239"/>
    </row>
    <row r="138" spans="3:3" x14ac:dyDescent="0.15">
      <c r="C138" s="1239"/>
    </row>
    <row r="139" spans="3:3" x14ac:dyDescent="0.15">
      <c r="C139" s="1239"/>
    </row>
    <row r="140" spans="3:3" x14ac:dyDescent="0.15">
      <c r="C140" s="1239"/>
    </row>
    <row r="141" spans="3:3" x14ac:dyDescent="0.15">
      <c r="C141" s="1239"/>
    </row>
    <row r="142" spans="3:3" x14ac:dyDescent="0.15">
      <c r="C142" s="1239"/>
    </row>
    <row r="143" spans="3:3" x14ac:dyDescent="0.15">
      <c r="C143" s="1239"/>
    </row>
    <row r="144" spans="3:3" x14ac:dyDescent="0.15">
      <c r="C144" s="1239"/>
    </row>
    <row r="145" spans="3:3" x14ac:dyDescent="0.15">
      <c r="C145" s="1239"/>
    </row>
    <row r="146" spans="3:3" x14ac:dyDescent="0.15">
      <c r="C146" s="1239"/>
    </row>
    <row r="147" spans="3:3" x14ac:dyDescent="0.15">
      <c r="C147" s="1239"/>
    </row>
    <row r="148" spans="3:3" x14ac:dyDescent="0.15">
      <c r="C148" s="1239"/>
    </row>
    <row r="149" spans="3:3" x14ac:dyDescent="0.15">
      <c r="C149" s="1239"/>
    </row>
    <row r="150" spans="3:3" x14ac:dyDescent="0.15">
      <c r="C150" s="1239"/>
    </row>
    <row r="151" spans="3:3" x14ac:dyDescent="0.15">
      <c r="C151" s="1239"/>
    </row>
    <row r="152" spans="3:3" x14ac:dyDescent="0.15">
      <c r="C152" s="1239"/>
    </row>
    <row r="153" spans="3:3" x14ac:dyDescent="0.15">
      <c r="C153" s="1239"/>
    </row>
    <row r="154" spans="3:3" x14ac:dyDescent="0.15">
      <c r="C154" s="1239"/>
    </row>
    <row r="155" spans="3:3" x14ac:dyDescent="0.15">
      <c r="C155" s="1239"/>
    </row>
    <row r="156" spans="3:3" x14ac:dyDescent="0.15">
      <c r="C156" s="1239"/>
    </row>
    <row r="157" spans="3:3" x14ac:dyDescent="0.15">
      <c r="C157" s="1239"/>
    </row>
    <row r="158" spans="3:3" x14ac:dyDescent="0.15">
      <c r="C158" s="1239"/>
    </row>
    <row r="159" spans="3:3" x14ac:dyDescent="0.15">
      <c r="C159" s="1239"/>
    </row>
    <row r="160" spans="3:3" x14ac:dyDescent="0.15">
      <c r="C160" s="1239"/>
    </row>
    <row r="161" spans="3:3" x14ac:dyDescent="0.15">
      <c r="C161" s="1239"/>
    </row>
    <row r="162" spans="3:3" x14ac:dyDescent="0.15">
      <c r="C162" s="1239"/>
    </row>
    <row r="163" spans="3:3" x14ac:dyDescent="0.15">
      <c r="C163" s="1239"/>
    </row>
    <row r="164" spans="3:3" x14ac:dyDescent="0.15">
      <c r="C164" s="1239"/>
    </row>
    <row r="165" spans="3:3" x14ac:dyDescent="0.15">
      <c r="C165" s="1239"/>
    </row>
    <row r="166" spans="3:3" x14ac:dyDescent="0.15">
      <c r="C166" s="1239"/>
    </row>
  </sheetData>
  <mergeCells count="77">
    <mergeCell ref="A6:B6"/>
    <mergeCell ref="N6:O6"/>
    <mergeCell ref="A51:B51"/>
    <mergeCell ref="N44:O44"/>
    <mergeCell ref="Q3:W3"/>
    <mergeCell ref="Q4:S4"/>
    <mergeCell ref="T4:V4"/>
    <mergeCell ref="A7:B7"/>
    <mergeCell ref="N7:O7"/>
    <mergeCell ref="A8:B8"/>
    <mergeCell ref="N8:O8"/>
    <mergeCell ref="A9:B9"/>
    <mergeCell ref="N9:O9"/>
    <mergeCell ref="A3:B5"/>
    <mergeCell ref="K4:K5"/>
    <mergeCell ref="M4:M5"/>
    <mergeCell ref="A44:B44"/>
    <mergeCell ref="A10:B10"/>
    <mergeCell ref="N10:O10"/>
    <mergeCell ref="Y51:Z51"/>
    <mergeCell ref="AK51:AL51"/>
    <mergeCell ref="Y44:Z44"/>
    <mergeCell ref="Y10:Z10"/>
    <mergeCell ref="N51:O51"/>
    <mergeCell ref="AK44:AL44"/>
    <mergeCell ref="AK10:AL10"/>
    <mergeCell ref="I4:I5"/>
    <mergeCell ref="H4:H5"/>
    <mergeCell ref="J4:J5"/>
    <mergeCell ref="D3:M3"/>
    <mergeCell ref="AY51:AZ51"/>
    <mergeCell ref="AY44:AZ44"/>
    <mergeCell ref="AY10:AZ10"/>
    <mergeCell ref="AE3:AE5"/>
    <mergeCell ref="Y9:Z9"/>
    <mergeCell ref="AK9:AL9"/>
    <mergeCell ref="Y3:Z5"/>
    <mergeCell ref="X3:X5"/>
    <mergeCell ref="AA4:AA5"/>
    <mergeCell ref="AF3:AH3"/>
    <mergeCell ref="AH4:AH5"/>
    <mergeCell ref="AY9:AZ9"/>
    <mergeCell ref="AY8:AZ8"/>
    <mergeCell ref="AQ3:AQ5"/>
    <mergeCell ref="AS3:AS5"/>
    <mergeCell ref="L4:L5"/>
    <mergeCell ref="AG4:AG5"/>
    <mergeCell ref="Y8:Z8"/>
    <mergeCell ref="Y6:Z6"/>
    <mergeCell ref="Y7:Z7"/>
    <mergeCell ref="AK7:AL7"/>
    <mergeCell ref="AK6:AL6"/>
    <mergeCell ref="AK8:AL8"/>
    <mergeCell ref="AW4:AW5"/>
    <mergeCell ref="AO3:AO5"/>
    <mergeCell ref="AN3:AN5"/>
    <mergeCell ref="AK3:AL5"/>
    <mergeCell ref="N3:O5"/>
    <mergeCell ref="P4:P5"/>
    <mergeCell ref="W4:W5"/>
    <mergeCell ref="AY6:AZ6"/>
    <mergeCell ref="AR3:AR5"/>
    <mergeCell ref="AP3:AP5"/>
    <mergeCell ref="AY7:AZ7"/>
    <mergeCell ref="AM3:AM5"/>
    <mergeCell ref="AY3:AZ5"/>
    <mergeCell ref="AJ4:AJ5"/>
    <mergeCell ref="AB4:AB5"/>
    <mergeCell ref="AI3:AJ3"/>
    <mergeCell ref="AI4:AI5"/>
    <mergeCell ref="AA3:AB3"/>
    <mergeCell ref="AC4:AC5"/>
    <mergeCell ref="AC3:AD3"/>
    <mergeCell ref="AD4:AD5"/>
    <mergeCell ref="AF4:AF5"/>
    <mergeCell ref="AT3:AT5"/>
    <mergeCell ref="AU3:AU5"/>
  </mergeCells>
  <phoneticPr fontId="0"/>
  <printOptions verticalCentered="1"/>
  <pageMargins left="0.78740157480314965" right="0.39370078740157483" top="0.59055118110236227" bottom="0.59055118110236227" header="0.23622047244094491" footer="0.39370078740157483"/>
  <pageSetup paperSize="9" scale="70" orientation="landscape" blackAndWhite="1" r:id="rId1"/>
  <headerFooter alignWithMargins="0"/>
  <colBreaks count="4" manualBreakCount="4">
    <brk id="13" max="1048575" man="1"/>
    <brk id="24" max="51" man="1"/>
    <brk id="36" max="1048575" man="1"/>
    <brk id="50" max="51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54"/>
  <dimension ref="A1:AF54"/>
  <sheetViews>
    <sheetView zoomScaleNormal="100" zoomScaleSheetLayoutView="120" workbookViewId="0"/>
  </sheetViews>
  <sheetFormatPr defaultColWidth="9" defaultRowHeight="9.6" x14ac:dyDescent="0.15"/>
  <cols>
    <col min="1" max="1" width="3.6640625" style="8" customWidth="1"/>
    <col min="2" max="2" width="10" style="8" customWidth="1"/>
    <col min="3" max="5" width="10.6640625" style="8" customWidth="1"/>
    <col min="6" max="6" width="11" style="8" customWidth="1"/>
    <col min="7" max="8" width="10.6640625" style="8" customWidth="1"/>
    <col min="9" max="9" width="11" style="8" customWidth="1"/>
    <col min="10" max="10" width="9" style="8"/>
    <col min="11" max="11" width="13.109375" style="3" bestFit="1" customWidth="1"/>
    <col min="12" max="12" width="16.21875" style="1253" bestFit="1" customWidth="1"/>
    <col min="13" max="13" width="9" style="1253"/>
    <col min="14" max="14" width="11" style="1253" bestFit="1" customWidth="1"/>
    <col min="15" max="15" width="11.88671875" style="1253" bestFit="1" customWidth="1"/>
    <col min="16" max="16" width="9" style="1253"/>
    <col min="17" max="17" width="11.77734375" style="3" customWidth="1"/>
    <col min="18" max="18" width="11.88671875" style="1253" bestFit="1" customWidth="1"/>
    <col min="19" max="19" width="9" style="1254"/>
    <col min="20" max="20" width="11" style="1253" bestFit="1" customWidth="1"/>
    <col min="21" max="21" width="13.109375" style="1253" bestFit="1" customWidth="1"/>
    <col min="22" max="23" width="9" style="1253"/>
    <col min="24" max="24" width="11" style="1253" bestFit="1" customWidth="1"/>
    <col min="25" max="25" width="11.88671875" style="1253" bestFit="1" customWidth="1"/>
    <col min="26" max="26" width="9" style="1253"/>
    <col min="27" max="27" width="13.109375" style="1253" bestFit="1" customWidth="1"/>
    <col min="28" max="28" width="11.88671875" style="1253" bestFit="1" customWidth="1"/>
    <col min="29" max="29" width="9" style="1253"/>
    <col min="30" max="30" width="10.109375" style="1253" bestFit="1" customWidth="1"/>
    <col min="31" max="31" width="11.88671875" style="1253" bestFit="1" customWidth="1"/>
    <col min="32" max="32" width="9" style="1253"/>
    <col min="33" max="16384" width="9" style="8"/>
  </cols>
  <sheetData>
    <row r="1" spans="1:32" s="6" customFormat="1" ht="13.2" x14ac:dyDescent="0.2">
      <c r="A1" s="1" t="s">
        <v>97</v>
      </c>
      <c r="B1" s="5"/>
      <c r="D1" s="7"/>
      <c r="E1" s="7"/>
      <c r="F1" s="5"/>
      <c r="G1" s="5"/>
      <c r="H1" s="5"/>
      <c r="I1" s="5"/>
      <c r="K1" s="5"/>
      <c r="L1" s="5"/>
      <c r="M1" s="5"/>
      <c r="N1" s="5"/>
      <c r="O1" s="5"/>
      <c r="P1" s="5"/>
      <c r="Q1" s="2"/>
      <c r="R1" s="5"/>
      <c r="S1" s="1250"/>
      <c r="T1" s="5"/>
      <c r="U1" s="5"/>
      <c r="V1" s="5"/>
      <c r="W1" s="5"/>
      <c r="X1" s="5"/>
      <c r="Y1" s="5"/>
      <c r="Z1" s="5"/>
      <c r="AA1" s="5"/>
      <c r="AB1" s="5"/>
      <c r="AC1" s="5"/>
      <c r="AD1" s="5"/>
      <c r="AE1" s="5"/>
      <c r="AF1" s="5"/>
    </row>
    <row r="2" spans="1:32" s="6" customFormat="1" ht="10.199999999999999" thickBot="1" x14ac:dyDescent="0.25">
      <c r="A2" s="4"/>
      <c r="B2" s="5"/>
      <c r="D2" s="7"/>
      <c r="E2" s="7"/>
      <c r="F2" s="5"/>
      <c r="G2" s="5"/>
      <c r="H2" s="5"/>
      <c r="I2" s="5"/>
      <c r="K2" s="2"/>
      <c r="L2" s="5"/>
      <c r="M2" s="5"/>
      <c r="N2" s="5"/>
      <c r="O2" s="5"/>
      <c r="P2" s="5"/>
      <c r="Q2" s="2"/>
      <c r="R2" s="5"/>
      <c r="S2" s="1250"/>
      <c r="T2" s="5"/>
      <c r="U2" s="5"/>
      <c r="V2" s="5"/>
      <c r="W2" s="5"/>
      <c r="X2" s="5"/>
      <c r="Y2" s="5"/>
      <c r="Z2" s="5"/>
      <c r="AA2" s="5"/>
      <c r="AB2" s="5"/>
      <c r="AC2" s="5"/>
      <c r="AD2" s="5"/>
      <c r="AE2" s="5"/>
      <c r="AF2" s="5"/>
    </row>
    <row r="3" spans="1:32" s="6" customFormat="1" ht="15" customHeight="1" x14ac:dyDescent="0.2">
      <c r="A3" s="36"/>
      <c r="B3" s="37"/>
      <c r="C3" s="1656" t="s">
        <v>252</v>
      </c>
      <c r="D3" s="1649"/>
      <c r="E3" s="1649"/>
      <c r="F3" s="1649"/>
      <c r="G3" s="1648" t="s">
        <v>253</v>
      </c>
      <c r="H3" s="1649"/>
      <c r="I3" s="1650"/>
      <c r="K3" s="2"/>
      <c r="L3" s="5"/>
      <c r="M3" s="5"/>
      <c r="N3" s="5"/>
      <c r="O3" s="5"/>
      <c r="P3" s="5"/>
      <c r="Q3" s="2"/>
      <c r="R3" s="5"/>
      <c r="S3" s="1250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</row>
    <row r="4" spans="1:32" s="6" customFormat="1" ht="15" customHeight="1" x14ac:dyDescent="0.15">
      <c r="A4" s="594"/>
      <c r="B4" s="595" t="s">
        <v>98</v>
      </c>
      <c r="C4" s="596" t="s">
        <v>130</v>
      </c>
      <c r="D4" s="597" t="s">
        <v>131</v>
      </c>
      <c r="E4" s="597" t="s">
        <v>132</v>
      </c>
      <c r="F4" s="597" t="s">
        <v>135</v>
      </c>
      <c r="G4" s="598" t="s">
        <v>99</v>
      </c>
      <c r="H4" s="597" t="s">
        <v>133</v>
      </c>
      <c r="I4" s="599" t="s">
        <v>134</v>
      </c>
      <c r="K4" s="2"/>
      <c r="L4" s="5"/>
      <c r="M4" s="5"/>
      <c r="N4" s="5"/>
      <c r="O4" s="5"/>
      <c r="P4" s="5"/>
      <c r="Q4" s="2"/>
      <c r="R4" s="5"/>
      <c r="S4" s="1250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</row>
    <row r="5" spans="1:32" s="6" customFormat="1" ht="14.25" customHeight="1" x14ac:dyDescent="0.2">
      <c r="A5" s="600" t="s">
        <v>0</v>
      </c>
      <c r="B5" s="601"/>
      <c r="C5" s="602" t="s">
        <v>100</v>
      </c>
      <c r="D5" s="603" t="s">
        <v>100</v>
      </c>
      <c r="E5" s="603" t="s">
        <v>100</v>
      </c>
      <c r="F5" s="603" t="s">
        <v>100</v>
      </c>
      <c r="G5" s="604" t="s">
        <v>100</v>
      </c>
      <c r="H5" s="603" t="s">
        <v>100</v>
      </c>
      <c r="I5" s="605" t="s">
        <v>100</v>
      </c>
      <c r="K5" s="2"/>
      <c r="L5" s="5"/>
      <c r="M5" s="5"/>
      <c r="N5" s="5"/>
      <c r="O5" s="5"/>
      <c r="P5" s="5"/>
      <c r="Q5" s="2"/>
      <c r="R5" s="5"/>
      <c r="S5" s="1250"/>
      <c r="T5" s="5"/>
      <c r="U5" s="5"/>
      <c r="V5" s="5"/>
      <c r="W5" s="5"/>
      <c r="X5" s="5"/>
      <c r="Y5" s="5"/>
      <c r="Z5" s="5"/>
      <c r="AA5" s="5"/>
      <c r="AB5" s="5"/>
      <c r="AC5" s="5"/>
      <c r="AD5" s="5"/>
      <c r="AE5" s="5"/>
      <c r="AF5" s="5"/>
    </row>
    <row r="6" spans="1:32" s="6" customFormat="1" ht="16.5" customHeight="1" x14ac:dyDescent="0.2">
      <c r="A6" s="1651" t="s">
        <v>376</v>
      </c>
      <c r="B6" s="1652"/>
      <c r="C6" s="606">
        <v>0.21609999999999999</v>
      </c>
      <c r="D6" s="607">
        <v>0.183</v>
      </c>
      <c r="E6" s="607">
        <v>4.7300000000000002E-2</v>
      </c>
      <c r="F6" s="608">
        <v>3.2399999999999998E-2</v>
      </c>
      <c r="G6" s="609">
        <v>1.38E-2</v>
      </c>
      <c r="H6" s="607">
        <v>0.59370000000000001</v>
      </c>
      <c r="I6" s="610">
        <v>6.0000000000000001E-3</v>
      </c>
      <c r="K6" s="2"/>
      <c r="L6" s="5"/>
      <c r="M6" s="5"/>
      <c r="N6" s="5"/>
      <c r="O6" s="5"/>
      <c r="P6" s="5"/>
      <c r="Q6" s="2"/>
      <c r="R6" s="5"/>
      <c r="S6" s="1250"/>
      <c r="T6" s="5"/>
      <c r="U6" s="5"/>
      <c r="V6" s="5"/>
      <c r="W6" s="5"/>
      <c r="X6" s="5"/>
      <c r="Y6" s="5"/>
      <c r="Z6" s="5"/>
      <c r="AA6" s="5"/>
      <c r="AB6" s="5"/>
      <c r="AC6" s="5"/>
      <c r="AD6" s="5"/>
      <c r="AE6" s="5"/>
      <c r="AF6" s="5"/>
    </row>
    <row r="7" spans="1:32" s="6" customFormat="1" ht="16.5" customHeight="1" x14ac:dyDescent="0.2">
      <c r="A7" s="1651" t="s">
        <v>375</v>
      </c>
      <c r="B7" s="1652"/>
      <c r="C7" s="606">
        <v>0.21160000000000001</v>
      </c>
      <c r="D7" s="607">
        <v>0.1862</v>
      </c>
      <c r="E7" s="607">
        <v>4.4299999999999999E-2</v>
      </c>
      <c r="F7" s="608">
        <v>2.9899999999999999E-2</v>
      </c>
      <c r="G7" s="609">
        <v>1.49E-2</v>
      </c>
      <c r="H7" s="607">
        <v>0.59570000000000001</v>
      </c>
      <c r="I7" s="610">
        <v>6.1999999999999998E-3</v>
      </c>
      <c r="K7" s="1662"/>
      <c r="L7" s="1662"/>
      <c r="M7" s="1662"/>
      <c r="N7" s="1663"/>
      <c r="O7" s="1663"/>
      <c r="P7" s="1663"/>
      <c r="Q7" s="1663"/>
      <c r="R7" s="1663"/>
      <c r="S7" s="1663"/>
      <c r="T7" s="1661"/>
      <c r="U7" s="1661"/>
      <c r="V7" s="1661"/>
      <c r="W7" s="5"/>
      <c r="X7" s="1661"/>
      <c r="Y7" s="1661"/>
      <c r="Z7" s="1661"/>
      <c r="AA7" s="1661"/>
      <c r="AB7" s="1661"/>
      <c r="AC7" s="1661"/>
      <c r="AD7" s="1661"/>
      <c r="AE7" s="1661"/>
      <c r="AF7" s="1661"/>
    </row>
    <row r="8" spans="1:32" s="6" customFormat="1" ht="16.5" customHeight="1" x14ac:dyDescent="0.2">
      <c r="A8" s="1651" t="s">
        <v>595</v>
      </c>
      <c r="B8" s="1655"/>
      <c r="C8" s="611">
        <v>0.23543385760922181</v>
      </c>
      <c r="D8" s="181">
        <v>1.6979535890776023E-2</v>
      </c>
      <c r="E8" s="181">
        <v>0.61184772577675073</v>
      </c>
      <c r="F8" s="186">
        <v>1.7195159972173073E-2</v>
      </c>
      <c r="G8" s="188">
        <v>1.586388966417706E-2</v>
      </c>
      <c r="H8" s="181">
        <v>0.64487548778187365</v>
      </c>
      <c r="I8" s="182">
        <v>7.0292872321569277E-3</v>
      </c>
      <c r="K8" s="5"/>
      <c r="L8" s="5"/>
      <c r="M8" s="5"/>
      <c r="N8" s="5"/>
      <c r="O8" s="5"/>
      <c r="P8" s="5"/>
      <c r="Q8" s="5"/>
      <c r="R8" s="5"/>
      <c r="S8" s="5"/>
      <c r="T8" s="5"/>
      <c r="U8" s="5"/>
      <c r="V8" s="5"/>
      <c r="W8" s="5"/>
      <c r="X8" s="5"/>
      <c r="Y8" s="5"/>
      <c r="Z8" s="5"/>
      <c r="AA8" s="5"/>
      <c r="AB8" s="5"/>
      <c r="AC8" s="5"/>
      <c r="AD8" s="5"/>
      <c r="AE8" s="5"/>
      <c r="AF8" s="5"/>
    </row>
    <row r="9" spans="1:32" s="6" customFormat="1" ht="16.5" customHeight="1" x14ac:dyDescent="0.2">
      <c r="A9" s="1651" t="s">
        <v>506</v>
      </c>
      <c r="B9" s="1655"/>
      <c r="C9" s="612">
        <v>0.23777421843130347</v>
      </c>
      <c r="D9" s="613">
        <v>1.8073862222482664E-2</v>
      </c>
      <c r="E9" s="613">
        <v>0.62841275571690891</v>
      </c>
      <c r="F9" s="614">
        <v>1.5392609945726896E-2</v>
      </c>
      <c r="G9" s="615">
        <v>1.9065208503850652E-2</v>
      </c>
      <c r="H9" s="613">
        <v>0.65887352833388879</v>
      </c>
      <c r="I9" s="616">
        <v>7.424380329616509E-3</v>
      </c>
      <c r="K9" s="2"/>
      <c r="L9" s="2"/>
      <c r="M9" s="1251"/>
      <c r="N9" s="1252"/>
      <c r="O9" s="2"/>
      <c r="P9" s="1251"/>
      <c r="Q9" s="2"/>
      <c r="R9" s="2"/>
      <c r="S9" s="1251"/>
      <c r="T9" s="1252"/>
      <c r="U9" s="2"/>
      <c r="V9" s="1251"/>
      <c r="W9" s="5"/>
      <c r="X9" s="1252"/>
      <c r="Y9" s="1252"/>
      <c r="Z9" s="1251"/>
      <c r="AA9" s="1252"/>
      <c r="AB9" s="1252"/>
      <c r="AC9" s="1251"/>
      <c r="AD9" s="1252"/>
      <c r="AE9" s="1252"/>
      <c r="AF9" s="1251"/>
    </row>
    <row r="10" spans="1:32" s="6" customFormat="1" ht="16.5" customHeight="1" thickBot="1" x14ac:dyDescent="0.25">
      <c r="A10" s="1659" t="s">
        <v>599</v>
      </c>
      <c r="B10" s="1660"/>
      <c r="C10" s="617">
        <v>0.24120541539549456</v>
      </c>
      <c r="D10" s="211">
        <v>2.5933009969727586E-2</v>
      </c>
      <c r="E10" s="211">
        <v>0.62679011586637301</v>
      </c>
      <c r="F10" s="212">
        <v>1.1388880001436952E-2</v>
      </c>
      <c r="G10" s="213">
        <v>1.7997517809253898E-2</v>
      </c>
      <c r="H10" s="211">
        <v>0.66139641484734613</v>
      </c>
      <c r="I10" s="214">
        <v>7.0552895738775386E-3</v>
      </c>
      <c r="K10" s="2"/>
      <c r="L10" s="2"/>
      <c r="M10" s="1251"/>
      <c r="N10" s="1252"/>
      <c r="O10" s="2"/>
      <c r="P10" s="1251"/>
      <c r="Q10" s="2"/>
      <c r="R10" s="2"/>
      <c r="S10" s="1251"/>
      <c r="T10" s="1252"/>
      <c r="U10" s="2"/>
      <c r="V10" s="1251"/>
      <c r="W10" s="5"/>
      <c r="X10" s="1252"/>
      <c r="Y10" s="1252"/>
      <c r="Z10" s="1251"/>
      <c r="AA10" s="1252"/>
      <c r="AB10" s="1252"/>
      <c r="AC10" s="1251"/>
      <c r="AD10" s="1252"/>
      <c r="AE10" s="1252"/>
      <c r="AF10" s="1251"/>
    </row>
    <row r="11" spans="1:32" s="6" customFormat="1" ht="15.75" customHeight="1" thickTop="1" x14ac:dyDescent="0.2">
      <c r="A11" s="618">
        <v>1</v>
      </c>
      <c r="B11" s="619" t="s">
        <v>200</v>
      </c>
      <c r="C11" s="620">
        <v>0.23163261553378056</v>
      </c>
      <c r="D11" s="207">
        <v>4.1564042650533003E-3</v>
      </c>
      <c r="E11" s="207">
        <v>0.66259648647339475</v>
      </c>
      <c r="F11" s="208">
        <v>1.4326802815818383E-2</v>
      </c>
      <c r="G11" s="209">
        <v>1.6020120205495855E-2</v>
      </c>
      <c r="H11" s="207">
        <v>0.67070104516182605</v>
      </c>
      <c r="I11" s="210">
        <v>4.6446118770857121E-3</v>
      </c>
      <c r="K11" s="2"/>
      <c r="L11" s="2"/>
      <c r="M11" s="1251"/>
      <c r="N11" s="1252"/>
      <c r="O11" s="2"/>
      <c r="P11" s="1251"/>
      <c r="Q11" s="2"/>
      <c r="R11" s="2"/>
      <c r="S11" s="1251"/>
      <c r="T11" s="1252"/>
      <c r="U11" s="2"/>
      <c r="V11" s="1251"/>
      <c r="W11" s="5"/>
      <c r="X11" s="1252"/>
      <c r="Y11" s="1252"/>
      <c r="Z11" s="1251"/>
      <c r="AA11" s="1252"/>
      <c r="AB11" s="1252"/>
      <c r="AC11" s="1251"/>
      <c r="AD11" s="1252"/>
      <c r="AE11" s="1252"/>
      <c r="AF11" s="1251"/>
    </row>
    <row r="12" spans="1:32" s="6" customFormat="1" ht="15.75" customHeight="1" x14ac:dyDescent="0.2">
      <c r="A12" s="183">
        <v>2</v>
      </c>
      <c r="B12" s="192" t="s">
        <v>201</v>
      </c>
      <c r="C12" s="190">
        <v>0.25497086620046128</v>
      </c>
      <c r="D12" s="181">
        <v>2.5994659575970737E-3</v>
      </c>
      <c r="E12" s="181">
        <v>0.64013510350508296</v>
      </c>
      <c r="F12" s="186">
        <v>1.5647739541725526E-2</v>
      </c>
      <c r="G12" s="188">
        <v>2.4830824175303145E-2</v>
      </c>
      <c r="H12" s="181">
        <v>0.6399404909981391</v>
      </c>
      <c r="I12" s="182">
        <v>5.766400578569756E-3</v>
      </c>
      <c r="K12" s="2"/>
      <c r="L12" s="2"/>
      <c r="M12" s="1251"/>
      <c r="N12" s="1252"/>
      <c r="O12" s="2"/>
      <c r="P12" s="1251"/>
      <c r="Q12" s="2"/>
      <c r="R12" s="2"/>
      <c r="S12" s="1251"/>
      <c r="T12" s="1252"/>
      <c r="U12" s="2"/>
      <c r="V12" s="1251"/>
      <c r="W12" s="5"/>
      <c r="X12" s="1252"/>
      <c r="Y12" s="1252"/>
      <c r="Z12" s="1251"/>
      <c r="AA12" s="1252"/>
      <c r="AB12" s="1252"/>
      <c r="AC12" s="1251"/>
      <c r="AD12" s="1252"/>
      <c r="AE12" s="1252"/>
      <c r="AF12" s="1251"/>
    </row>
    <row r="13" spans="1:32" s="6" customFormat="1" ht="15.75" customHeight="1" x14ac:dyDescent="0.2">
      <c r="A13" s="183">
        <v>3</v>
      </c>
      <c r="B13" s="192" t="s">
        <v>202</v>
      </c>
      <c r="C13" s="190">
        <v>0.19225182278543768</v>
      </c>
      <c r="D13" s="181">
        <v>4.0756512081298497E-3</v>
      </c>
      <c r="E13" s="181">
        <v>0.68780173354631147</v>
      </c>
      <c r="F13" s="186">
        <v>3.3274529759139623E-3</v>
      </c>
      <c r="G13" s="188">
        <v>1.734869579485802E-2</v>
      </c>
      <c r="H13" s="181">
        <v>0.7029312714093785</v>
      </c>
      <c r="I13" s="182">
        <v>5.1304734156544934E-3</v>
      </c>
      <c r="K13" s="2"/>
      <c r="L13" s="2"/>
      <c r="M13" s="1251"/>
      <c r="N13" s="1252"/>
      <c r="O13" s="2"/>
      <c r="P13" s="1251"/>
      <c r="Q13" s="2"/>
      <c r="R13" s="2"/>
      <c r="S13" s="1251"/>
      <c r="T13" s="1252"/>
      <c r="U13" s="2"/>
      <c r="V13" s="1251"/>
      <c r="W13" s="5"/>
      <c r="X13" s="1252"/>
      <c r="Y13" s="1252"/>
      <c r="Z13" s="1251"/>
      <c r="AA13" s="1252"/>
      <c r="AB13" s="1252"/>
      <c r="AC13" s="1251"/>
      <c r="AD13" s="1252"/>
      <c r="AE13" s="1252"/>
      <c r="AF13" s="1251"/>
    </row>
    <row r="14" spans="1:32" s="6" customFormat="1" ht="15.75" customHeight="1" x14ac:dyDescent="0.2">
      <c r="A14" s="183">
        <v>4</v>
      </c>
      <c r="B14" s="192" t="s">
        <v>203</v>
      </c>
      <c r="C14" s="190">
        <v>0.22320843550541741</v>
      </c>
      <c r="D14" s="181">
        <v>1.0813102933316401E-3</v>
      </c>
      <c r="E14" s="181">
        <v>0.68235899180456261</v>
      </c>
      <c r="F14" s="186">
        <v>4.2163316608941166E-3</v>
      </c>
      <c r="G14" s="188">
        <v>1.740276404302913E-2</v>
      </c>
      <c r="H14" s="181">
        <v>0.67622472024917224</v>
      </c>
      <c r="I14" s="182">
        <v>9.1130823535912307E-3</v>
      </c>
      <c r="K14" s="2"/>
      <c r="L14" s="2"/>
      <c r="M14" s="1251"/>
      <c r="N14" s="1252"/>
      <c r="O14" s="2"/>
      <c r="P14" s="1251"/>
      <c r="Q14" s="2"/>
      <c r="R14" s="2"/>
      <c r="S14" s="1251"/>
      <c r="T14" s="1252"/>
      <c r="U14" s="2"/>
      <c r="V14" s="1251"/>
      <c r="W14" s="5"/>
      <c r="X14" s="1252"/>
      <c r="Y14" s="1252"/>
      <c r="Z14" s="1251"/>
      <c r="AA14" s="1252"/>
      <c r="AB14" s="1252"/>
      <c r="AC14" s="1251"/>
      <c r="AD14" s="1252"/>
      <c r="AE14" s="1252"/>
      <c r="AF14" s="1251"/>
    </row>
    <row r="15" spans="1:32" s="6" customFormat="1" ht="15.75" customHeight="1" x14ac:dyDescent="0.2">
      <c r="A15" s="183">
        <v>5</v>
      </c>
      <c r="B15" s="192" t="s">
        <v>204</v>
      </c>
      <c r="C15" s="190">
        <v>0.24279233094885924</v>
      </c>
      <c r="D15" s="181">
        <v>3.9308914022491469E-3</v>
      </c>
      <c r="E15" s="181">
        <v>0.64964077595558867</v>
      </c>
      <c r="F15" s="186">
        <v>1.8671572432242593E-2</v>
      </c>
      <c r="G15" s="188">
        <v>1.4989162064519753E-2</v>
      </c>
      <c r="H15" s="181">
        <v>0.6538843832470923</v>
      </c>
      <c r="I15" s="182">
        <v>6.719248093950767E-3</v>
      </c>
      <c r="K15" s="2"/>
      <c r="L15" s="2"/>
      <c r="M15" s="1251"/>
      <c r="N15" s="1252"/>
      <c r="O15" s="2"/>
      <c r="P15" s="1251"/>
      <c r="Q15" s="2"/>
      <c r="R15" s="2"/>
      <c r="S15" s="1251"/>
      <c r="T15" s="1252"/>
      <c r="U15" s="2"/>
      <c r="V15" s="1251"/>
      <c r="W15" s="5"/>
      <c r="X15" s="1252"/>
      <c r="Y15" s="1252"/>
      <c r="Z15" s="1251"/>
      <c r="AA15" s="1252"/>
      <c r="AB15" s="1252"/>
      <c r="AC15" s="1251"/>
      <c r="AD15" s="1252"/>
      <c r="AE15" s="1252"/>
      <c r="AF15" s="1251"/>
    </row>
    <row r="16" spans="1:32" s="6" customFormat="1" ht="15.75" customHeight="1" x14ac:dyDescent="0.2">
      <c r="A16" s="183">
        <v>6</v>
      </c>
      <c r="B16" s="192" t="s">
        <v>205</v>
      </c>
      <c r="C16" s="190">
        <v>0.22973847985297821</v>
      </c>
      <c r="D16" s="181">
        <v>3.240952568986604E-3</v>
      </c>
      <c r="E16" s="181">
        <v>0.6587814399461529</v>
      </c>
      <c r="F16" s="186">
        <v>1.2279196305709585E-2</v>
      </c>
      <c r="G16" s="188">
        <v>1.1813485881033437E-2</v>
      </c>
      <c r="H16" s="181">
        <v>0.66451019044581128</v>
      </c>
      <c r="I16" s="182">
        <v>7.8408662285759864E-3</v>
      </c>
      <c r="K16" s="2"/>
      <c r="L16" s="2"/>
      <c r="M16" s="1251"/>
      <c r="N16" s="1252"/>
      <c r="O16" s="2"/>
      <c r="P16" s="1251"/>
      <c r="Q16" s="2"/>
      <c r="R16" s="2"/>
      <c r="S16" s="1251"/>
      <c r="T16" s="1252"/>
      <c r="U16" s="2"/>
      <c r="V16" s="1251"/>
      <c r="W16" s="5"/>
      <c r="X16" s="1252"/>
      <c r="Y16" s="1252"/>
      <c r="Z16" s="1251"/>
      <c r="AA16" s="1252"/>
      <c r="AB16" s="1252"/>
      <c r="AC16" s="1251"/>
      <c r="AD16" s="1252"/>
      <c r="AE16" s="1252"/>
      <c r="AF16" s="1251"/>
    </row>
    <row r="17" spans="1:32" s="6" customFormat="1" ht="15.75" customHeight="1" x14ac:dyDescent="0.2">
      <c r="A17" s="183">
        <v>7</v>
      </c>
      <c r="B17" s="192" t="s">
        <v>206</v>
      </c>
      <c r="C17" s="190">
        <v>0.21670333100494452</v>
      </c>
      <c r="D17" s="181">
        <v>2.2879919367697339E-3</v>
      </c>
      <c r="E17" s="181">
        <v>0.69314168506965579</v>
      </c>
      <c r="F17" s="186">
        <v>4.8029126148022927E-3</v>
      </c>
      <c r="G17" s="188">
        <v>1.5907663795329968E-2</v>
      </c>
      <c r="H17" s="181">
        <v>0.69599589846913379</v>
      </c>
      <c r="I17" s="182">
        <v>6.8490850701901553E-3</v>
      </c>
      <c r="K17" s="2"/>
      <c r="L17" s="2"/>
      <c r="M17" s="1251"/>
      <c r="N17" s="1252"/>
      <c r="O17" s="2"/>
      <c r="P17" s="1251"/>
      <c r="Q17" s="2"/>
      <c r="R17" s="2"/>
      <c r="S17" s="1251"/>
      <c r="T17" s="1252"/>
      <c r="U17" s="2"/>
      <c r="V17" s="1251"/>
      <c r="W17" s="5"/>
      <c r="X17" s="1252"/>
      <c r="Y17" s="1252"/>
      <c r="Z17" s="1251"/>
      <c r="AA17" s="1252"/>
      <c r="AB17" s="1252"/>
      <c r="AC17" s="1251"/>
      <c r="AD17" s="1252"/>
      <c r="AE17" s="1252"/>
      <c r="AF17" s="1251"/>
    </row>
    <row r="18" spans="1:32" s="6" customFormat="1" ht="15.75" customHeight="1" x14ac:dyDescent="0.2">
      <c r="A18" s="183">
        <v>8</v>
      </c>
      <c r="B18" s="192" t="s">
        <v>207</v>
      </c>
      <c r="C18" s="190">
        <v>0.23817791686103132</v>
      </c>
      <c r="D18" s="181">
        <v>4.6493255787041238E-3</v>
      </c>
      <c r="E18" s="181">
        <v>0.67038753052418787</v>
      </c>
      <c r="F18" s="186">
        <v>4.7857326240088715E-3</v>
      </c>
      <c r="G18" s="188">
        <v>1.5516010948876831E-2</v>
      </c>
      <c r="H18" s="181">
        <v>0.67455981336652937</v>
      </c>
      <c r="I18" s="182">
        <v>7.0220516607893448E-3</v>
      </c>
      <c r="K18" s="2"/>
      <c r="L18" s="2"/>
      <c r="M18" s="1251"/>
      <c r="N18" s="1252"/>
      <c r="O18" s="2"/>
      <c r="P18" s="1251"/>
      <c r="Q18" s="2"/>
      <c r="R18" s="2"/>
      <c r="S18" s="1251"/>
      <c r="T18" s="1252"/>
      <c r="U18" s="2"/>
      <c r="V18" s="1251"/>
      <c r="W18" s="5"/>
      <c r="X18" s="1252"/>
      <c r="Y18" s="1252"/>
      <c r="Z18" s="1251"/>
      <c r="AA18" s="1252"/>
      <c r="AB18" s="1252"/>
      <c r="AC18" s="1251"/>
      <c r="AD18" s="1252"/>
      <c r="AE18" s="1252"/>
      <c r="AF18" s="1251"/>
    </row>
    <row r="19" spans="1:32" s="6" customFormat="1" ht="15.75" customHeight="1" x14ac:dyDescent="0.2">
      <c r="A19" s="183">
        <v>9</v>
      </c>
      <c r="B19" s="192" t="s">
        <v>208</v>
      </c>
      <c r="C19" s="190">
        <v>0.21710877216012464</v>
      </c>
      <c r="D19" s="181">
        <v>4.3048444951530821E-3</v>
      </c>
      <c r="E19" s="181">
        <v>0.6814586984119394</v>
      </c>
      <c r="F19" s="186">
        <v>1.5491175279484031E-2</v>
      </c>
      <c r="G19" s="188">
        <v>1.6572282509152454E-2</v>
      </c>
      <c r="H19" s="181">
        <v>0.68834933672203757</v>
      </c>
      <c r="I19" s="182">
        <v>5.9064739987539101E-3</v>
      </c>
      <c r="K19" s="2"/>
      <c r="L19" s="2"/>
      <c r="M19" s="1251"/>
      <c r="N19" s="1252"/>
      <c r="O19" s="2"/>
      <c r="P19" s="1251"/>
      <c r="Q19" s="2"/>
      <c r="R19" s="2"/>
      <c r="S19" s="1251"/>
      <c r="T19" s="1252"/>
      <c r="U19" s="2"/>
      <c r="V19" s="1251"/>
      <c r="W19" s="5"/>
      <c r="X19" s="1252"/>
      <c r="Y19" s="1252"/>
      <c r="Z19" s="1251"/>
      <c r="AA19" s="1252"/>
      <c r="AB19" s="1252"/>
      <c r="AC19" s="1251"/>
      <c r="AD19" s="1252"/>
      <c r="AE19" s="1252"/>
      <c r="AF19" s="1251"/>
    </row>
    <row r="20" spans="1:32" s="6" customFormat="1" ht="15.75" customHeight="1" x14ac:dyDescent="0.2">
      <c r="A20" s="183">
        <v>10</v>
      </c>
      <c r="B20" s="192" t="s">
        <v>209</v>
      </c>
      <c r="C20" s="190">
        <v>0.22324928864644283</v>
      </c>
      <c r="D20" s="181">
        <v>1.2934713256009304E-3</v>
      </c>
      <c r="E20" s="181">
        <v>0.65849431947075399</v>
      </c>
      <c r="F20" s="186">
        <v>5.7061451511583742E-3</v>
      </c>
      <c r="G20" s="188">
        <v>1.3645527336828375E-2</v>
      </c>
      <c r="H20" s="181">
        <v>0.67659725392395287</v>
      </c>
      <c r="I20" s="182">
        <v>7.92164010268776E-3</v>
      </c>
      <c r="K20" s="2"/>
      <c r="L20" s="2"/>
      <c r="M20" s="1251"/>
      <c r="N20" s="1252"/>
      <c r="O20" s="2"/>
      <c r="P20" s="1251"/>
      <c r="Q20" s="2"/>
      <c r="R20" s="2"/>
      <c r="S20" s="1251"/>
      <c r="T20" s="1252"/>
      <c r="U20" s="2"/>
      <c r="V20" s="1251"/>
      <c r="W20" s="5"/>
      <c r="X20" s="1252"/>
      <c r="Y20" s="1252"/>
      <c r="Z20" s="1251"/>
      <c r="AA20" s="1252"/>
      <c r="AB20" s="1252"/>
      <c r="AC20" s="1251"/>
      <c r="AD20" s="1252"/>
      <c r="AE20" s="1252"/>
      <c r="AF20" s="1251"/>
    </row>
    <row r="21" spans="1:32" s="6" customFormat="1" ht="15.75" customHeight="1" x14ac:dyDescent="0.2">
      <c r="A21" s="183">
        <v>11</v>
      </c>
      <c r="B21" s="192" t="s">
        <v>210</v>
      </c>
      <c r="C21" s="190">
        <v>0.21106484792394359</v>
      </c>
      <c r="D21" s="181">
        <v>2.0944483311291259E-3</v>
      </c>
      <c r="E21" s="181">
        <v>0.68116859724320955</v>
      </c>
      <c r="F21" s="186">
        <v>8.9012872071146578E-3</v>
      </c>
      <c r="G21" s="188">
        <v>1.3941637074278189E-2</v>
      </c>
      <c r="H21" s="181">
        <v>0.67225081604120385</v>
      </c>
      <c r="I21" s="182">
        <v>6.9923129609777493E-3</v>
      </c>
      <c r="K21" s="2"/>
      <c r="L21" s="2"/>
      <c r="M21" s="1251"/>
      <c r="N21" s="1252"/>
      <c r="O21" s="2"/>
      <c r="P21" s="1251"/>
      <c r="Q21" s="2"/>
      <c r="R21" s="2"/>
      <c r="S21" s="1251"/>
      <c r="T21" s="1252"/>
      <c r="U21" s="2"/>
      <c r="V21" s="1251"/>
      <c r="W21" s="5"/>
      <c r="X21" s="1252"/>
      <c r="Y21" s="1252"/>
      <c r="Z21" s="1251"/>
      <c r="AA21" s="1252"/>
      <c r="AB21" s="1252"/>
      <c r="AC21" s="1251"/>
      <c r="AD21" s="1252"/>
      <c r="AE21" s="1252"/>
      <c r="AF21" s="1251"/>
    </row>
    <row r="22" spans="1:32" s="6" customFormat="1" ht="15.75" customHeight="1" x14ac:dyDescent="0.2">
      <c r="A22" s="183">
        <v>12</v>
      </c>
      <c r="B22" s="192" t="s">
        <v>211</v>
      </c>
      <c r="C22" s="190">
        <v>0.20646773790594108</v>
      </c>
      <c r="D22" s="181">
        <v>1.9886751762879947E-3</v>
      </c>
      <c r="E22" s="181">
        <v>0.69421134461175549</v>
      </c>
      <c r="F22" s="186">
        <v>1.3084977580090616E-2</v>
      </c>
      <c r="G22" s="188">
        <v>2.0875053366965803E-2</v>
      </c>
      <c r="H22" s="181">
        <v>0.68494014561859773</v>
      </c>
      <c r="I22" s="182">
        <v>9.7145177504760604E-3</v>
      </c>
      <c r="K22" s="2"/>
      <c r="L22" s="2"/>
      <c r="M22" s="1251"/>
      <c r="N22" s="1252"/>
      <c r="O22" s="2"/>
      <c r="P22" s="1251"/>
      <c r="Q22" s="2"/>
      <c r="R22" s="2"/>
      <c r="S22" s="1251"/>
      <c r="T22" s="1252"/>
      <c r="U22" s="2"/>
      <c r="V22" s="1251"/>
      <c r="W22" s="5"/>
      <c r="X22" s="1252"/>
      <c r="Y22" s="1252"/>
      <c r="Z22" s="1251"/>
      <c r="AA22" s="1252"/>
      <c r="AB22" s="1252"/>
      <c r="AC22" s="1251"/>
      <c r="AD22" s="1252"/>
      <c r="AE22" s="1252"/>
      <c r="AF22" s="1251"/>
    </row>
    <row r="23" spans="1:32" s="6" customFormat="1" ht="15.75" customHeight="1" x14ac:dyDescent="0.2">
      <c r="A23" s="183">
        <v>13</v>
      </c>
      <c r="B23" s="192" t="s">
        <v>212</v>
      </c>
      <c r="C23" s="190">
        <v>0.23461230828638496</v>
      </c>
      <c r="D23" s="181">
        <v>3.1594768321203423E-3</v>
      </c>
      <c r="E23" s="181">
        <v>0.67285549764019104</v>
      </c>
      <c r="F23" s="186">
        <v>5.6960352965560405E-3</v>
      </c>
      <c r="G23" s="188">
        <v>1.5361003762909775E-2</v>
      </c>
      <c r="H23" s="181">
        <v>0.66868142442380807</v>
      </c>
      <c r="I23" s="182">
        <v>8.8003839071038106E-3</v>
      </c>
      <c r="K23" s="2"/>
      <c r="L23" s="2"/>
      <c r="M23" s="1251"/>
      <c r="N23" s="1252"/>
      <c r="O23" s="2"/>
      <c r="P23" s="1251"/>
      <c r="Q23" s="2"/>
      <c r="R23" s="2"/>
      <c r="S23" s="1251"/>
      <c r="T23" s="1252"/>
      <c r="U23" s="2"/>
      <c r="V23" s="1251"/>
      <c r="W23" s="5"/>
      <c r="X23" s="1252"/>
      <c r="Y23" s="1252"/>
      <c r="Z23" s="1251"/>
      <c r="AA23" s="1252"/>
      <c r="AB23" s="1252"/>
      <c r="AC23" s="1251"/>
      <c r="AD23" s="1252"/>
      <c r="AE23" s="1252"/>
      <c r="AF23" s="1251"/>
    </row>
    <row r="24" spans="1:32" s="6" customFormat="1" ht="15.75" customHeight="1" x14ac:dyDescent="0.2">
      <c r="A24" s="183">
        <v>14</v>
      </c>
      <c r="B24" s="192" t="s">
        <v>213</v>
      </c>
      <c r="C24" s="190">
        <v>0.21689911522508901</v>
      </c>
      <c r="D24" s="181">
        <v>1.6849656097699529E-3</v>
      </c>
      <c r="E24" s="181">
        <v>0.67078246956209697</v>
      </c>
      <c r="F24" s="186">
        <v>1.4576932707076176E-2</v>
      </c>
      <c r="G24" s="188">
        <v>1.0422849478186563E-2</v>
      </c>
      <c r="H24" s="181">
        <v>0.66469128971758362</v>
      </c>
      <c r="I24" s="182">
        <v>9.8991131870324132E-3</v>
      </c>
      <c r="K24" s="2"/>
      <c r="L24" s="2"/>
      <c r="M24" s="1251"/>
      <c r="N24" s="1252"/>
      <c r="O24" s="2"/>
      <c r="P24" s="1251"/>
      <c r="Q24" s="2"/>
      <c r="R24" s="2"/>
      <c r="S24" s="1251"/>
      <c r="T24" s="1252"/>
      <c r="U24" s="2"/>
      <c r="V24" s="1251"/>
      <c r="W24" s="5"/>
      <c r="X24" s="1252"/>
      <c r="Y24" s="1252"/>
      <c r="Z24" s="1251"/>
      <c r="AA24" s="1252"/>
      <c r="AB24" s="1252"/>
      <c r="AC24" s="1251"/>
      <c r="AD24" s="1252"/>
      <c r="AE24" s="1252"/>
      <c r="AF24" s="1251"/>
    </row>
    <row r="25" spans="1:32" s="6" customFormat="1" ht="15.75" customHeight="1" x14ac:dyDescent="0.2">
      <c r="A25" s="183">
        <v>15</v>
      </c>
      <c r="B25" s="192" t="s">
        <v>214</v>
      </c>
      <c r="C25" s="190">
        <v>0.21121935548291507</v>
      </c>
      <c r="D25" s="181">
        <v>2.0112787322438242E-3</v>
      </c>
      <c r="E25" s="181">
        <v>0.67099430018885031</v>
      </c>
      <c r="F25" s="186">
        <v>9.1165533361239493E-3</v>
      </c>
      <c r="G25" s="188">
        <v>1.581764453811086E-2</v>
      </c>
      <c r="H25" s="181">
        <v>0.67762608979482919</v>
      </c>
      <c r="I25" s="182">
        <v>9.5938921601736813E-3</v>
      </c>
      <c r="K25" s="2"/>
      <c r="L25" s="2"/>
      <c r="M25" s="1251"/>
      <c r="N25" s="1252"/>
      <c r="O25" s="2"/>
      <c r="P25" s="1251"/>
      <c r="Q25" s="2"/>
      <c r="R25" s="2"/>
      <c r="S25" s="1251"/>
      <c r="T25" s="1252"/>
      <c r="U25" s="2"/>
      <c r="V25" s="1251"/>
      <c r="W25" s="5"/>
      <c r="X25" s="1252"/>
      <c r="Y25" s="1252"/>
      <c r="Z25" s="1251"/>
      <c r="AA25" s="1252"/>
      <c r="AB25" s="1252"/>
      <c r="AC25" s="1251"/>
      <c r="AD25" s="1252"/>
      <c r="AE25" s="1252"/>
      <c r="AF25" s="1251"/>
    </row>
    <row r="26" spans="1:32" s="6" customFormat="1" ht="15.75" customHeight="1" x14ac:dyDescent="0.2">
      <c r="A26" s="183">
        <v>16</v>
      </c>
      <c r="B26" s="192" t="s">
        <v>215</v>
      </c>
      <c r="C26" s="190">
        <v>0.21392139250406739</v>
      </c>
      <c r="D26" s="181">
        <v>1.9502283821440335E-3</v>
      </c>
      <c r="E26" s="181">
        <v>0.66848189667770475</v>
      </c>
      <c r="F26" s="186">
        <v>2.4383442015208645E-2</v>
      </c>
      <c r="G26" s="188">
        <v>1.7504724241682968E-2</v>
      </c>
      <c r="H26" s="181">
        <v>0.67172765780283994</v>
      </c>
      <c r="I26" s="182">
        <v>8.2744269177996693E-3</v>
      </c>
      <c r="K26" s="2"/>
      <c r="L26" s="2"/>
      <c r="M26" s="1251"/>
      <c r="N26" s="1252"/>
      <c r="O26" s="2"/>
      <c r="P26" s="1251"/>
      <c r="Q26" s="2"/>
      <c r="R26" s="2"/>
      <c r="S26" s="1251"/>
      <c r="T26" s="1252"/>
      <c r="U26" s="2"/>
      <c r="V26" s="1251"/>
      <c r="W26" s="5"/>
      <c r="X26" s="1252"/>
      <c r="Y26" s="1252"/>
      <c r="Z26" s="1251"/>
      <c r="AA26" s="1252"/>
      <c r="AB26" s="1252"/>
      <c r="AC26" s="1251"/>
      <c r="AD26" s="1252"/>
      <c r="AE26" s="1252"/>
      <c r="AF26" s="1251"/>
    </row>
    <row r="27" spans="1:32" s="6" customFormat="1" ht="15.75" customHeight="1" x14ac:dyDescent="0.2">
      <c r="A27" s="183">
        <v>17</v>
      </c>
      <c r="B27" s="192" t="s">
        <v>216</v>
      </c>
      <c r="C27" s="190">
        <v>0.21750154945275546</v>
      </c>
      <c r="D27" s="181">
        <v>2.6045070540665215E-3</v>
      </c>
      <c r="E27" s="181">
        <v>0.66696582508015412</v>
      </c>
      <c r="F27" s="186">
        <v>1.8208883778609092E-2</v>
      </c>
      <c r="G27" s="188">
        <v>2.3003906550575076E-2</v>
      </c>
      <c r="H27" s="181">
        <v>0.66758689427619722</v>
      </c>
      <c r="I27" s="182">
        <v>6.3873778234660528E-3</v>
      </c>
      <c r="K27" s="2"/>
      <c r="L27" s="2"/>
      <c r="M27" s="1251"/>
      <c r="N27" s="1252"/>
      <c r="O27" s="2"/>
      <c r="P27" s="1251"/>
      <c r="Q27" s="2"/>
      <c r="R27" s="2"/>
      <c r="S27" s="1251"/>
      <c r="T27" s="1252"/>
      <c r="U27" s="2"/>
      <c r="V27" s="1251"/>
      <c r="W27" s="5"/>
      <c r="X27" s="1252"/>
      <c r="Y27" s="1252"/>
      <c r="Z27" s="1251"/>
      <c r="AA27" s="1252"/>
      <c r="AB27" s="1252"/>
      <c r="AC27" s="1251"/>
      <c r="AD27" s="1252"/>
      <c r="AE27" s="1252"/>
      <c r="AF27" s="1251"/>
    </row>
    <row r="28" spans="1:32" s="6" customFormat="1" ht="15.75" customHeight="1" x14ac:dyDescent="0.2">
      <c r="A28" s="183">
        <v>18</v>
      </c>
      <c r="B28" s="192" t="s">
        <v>217</v>
      </c>
      <c r="C28" s="190">
        <v>0.22888953031043652</v>
      </c>
      <c r="D28" s="181">
        <v>6.6726836103317194E-4</v>
      </c>
      <c r="E28" s="181">
        <v>0.69045178634940318</v>
      </c>
      <c r="F28" s="186">
        <v>9.2904204398648322E-4</v>
      </c>
      <c r="G28" s="188">
        <v>1.2480983919636568E-2</v>
      </c>
      <c r="H28" s="181">
        <v>0.68792520201422636</v>
      </c>
      <c r="I28" s="182">
        <v>7.768737455464793E-3</v>
      </c>
      <c r="K28" s="2"/>
      <c r="L28" s="2"/>
      <c r="M28" s="1251"/>
      <c r="N28" s="1252"/>
      <c r="O28" s="2"/>
      <c r="P28" s="1251"/>
      <c r="Q28" s="2"/>
      <c r="R28" s="2"/>
      <c r="S28" s="1251"/>
      <c r="T28" s="1252"/>
      <c r="U28" s="2"/>
      <c r="V28" s="1251"/>
      <c r="W28" s="5"/>
      <c r="X28" s="1252"/>
      <c r="Y28" s="1252"/>
      <c r="Z28" s="1251"/>
      <c r="AA28" s="1252"/>
      <c r="AB28" s="1252"/>
      <c r="AC28" s="1251"/>
      <c r="AD28" s="1252"/>
      <c r="AE28" s="1252"/>
      <c r="AF28" s="1251"/>
    </row>
    <row r="29" spans="1:32" s="6" customFormat="1" ht="15.75" customHeight="1" x14ac:dyDescent="0.2">
      <c r="A29" s="183">
        <v>19</v>
      </c>
      <c r="B29" s="192" t="s">
        <v>219</v>
      </c>
      <c r="C29" s="190">
        <v>0.22170073781915731</v>
      </c>
      <c r="D29" s="181">
        <v>5.0315107086196867E-3</v>
      </c>
      <c r="E29" s="181">
        <v>0.63728248012367306</v>
      </c>
      <c r="F29" s="186">
        <v>1.1761110052425456E-2</v>
      </c>
      <c r="G29" s="188">
        <v>1.9351711082934847E-2</v>
      </c>
      <c r="H29" s="181">
        <v>0.64277688421619883</v>
      </c>
      <c r="I29" s="182">
        <v>4.911243452616074E-3</v>
      </c>
      <c r="K29" s="2"/>
      <c r="L29" s="2"/>
      <c r="M29" s="1251"/>
      <c r="N29" s="1252"/>
      <c r="O29" s="2"/>
      <c r="P29" s="1251"/>
      <c r="Q29" s="2"/>
      <c r="R29" s="2"/>
      <c r="S29" s="1251"/>
      <c r="T29" s="1252"/>
      <c r="U29" s="2"/>
      <c r="V29" s="1251"/>
      <c r="W29" s="5"/>
      <c r="X29" s="1252"/>
      <c r="Y29" s="1252"/>
      <c r="Z29" s="1251"/>
      <c r="AA29" s="1252"/>
      <c r="AB29" s="1252"/>
      <c r="AC29" s="1251"/>
      <c r="AD29" s="1252"/>
      <c r="AE29" s="1252"/>
      <c r="AF29" s="1251"/>
    </row>
    <row r="30" spans="1:32" s="6" customFormat="1" ht="15.75" customHeight="1" x14ac:dyDescent="0.2">
      <c r="A30" s="183">
        <v>20</v>
      </c>
      <c r="B30" s="192" t="s">
        <v>220</v>
      </c>
      <c r="C30" s="190">
        <v>0.21265104665937556</v>
      </c>
      <c r="D30" s="181">
        <v>9.7494698771866638E-4</v>
      </c>
      <c r="E30" s="181">
        <v>0.66106237004629331</v>
      </c>
      <c r="F30" s="186">
        <v>3.0157190264765003E-3</v>
      </c>
      <c r="G30" s="188">
        <v>1.4936091058894613E-2</v>
      </c>
      <c r="H30" s="181">
        <v>0.67915406118907196</v>
      </c>
      <c r="I30" s="182">
        <v>9.5555370951271972E-3</v>
      </c>
      <c r="K30" s="2"/>
      <c r="L30" s="2"/>
      <c r="M30" s="1251"/>
      <c r="N30" s="1252"/>
      <c r="O30" s="2"/>
      <c r="P30" s="1251"/>
      <c r="Q30" s="2"/>
      <c r="R30" s="2"/>
      <c r="S30" s="1251"/>
      <c r="T30" s="1252"/>
      <c r="U30" s="2"/>
      <c r="V30" s="1251"/>
      <c r="W30" s="5"/>
      <c r="X30" s="1252"/>
      <c r="Y30" s="1252"/>
      <c r="Z30" s="1251"/>
      <c r="AA30" s="1252"/>
      <c r="AB30" s="1252"/>
      <c r="AC30" s="1251"/>
      <c r="AD30" s="1252"/>
      <c r="AE30" s="1252"/>
      <c r="AF30" s="1251"/>
    </row>
    <row r="31" spans="1:32" s="6" customFormat="1" ht="15.75" customHeight="1" x14ac:dyDescent="0.2">
      <c r="A31" s="183">
        <v>21</v>
      </c>
      <c r="B31" s="192" t="s">
        <v>218</v>
      </c>
      <c r="C31" s="190">
        <v>0.20239727843276278</v>
      </c>
      <c r="D31" s="181">
        <v>4.2251970623212853E-3</v>
      </c>
      <c r="E31" s="181">
        <v>0.69559254744775534</v>
      </c>
      <c r="F31" s="186">
        <v>1.5144194335934377E-2</v>
      </c>
      <c r="G31" s="188">
        <v>1.4837286997417798E-2</v>
      </c>
      <c r="H31" s="181">
        <v>0.68524320954600881</v>
      </c>
      <c r="I31" s="182">
        <v>7.6743974063662353E-3</v>
      </c>
      <c r="K31" s="2"/>
      <c r="L31" s="2"/>
      <c r="M31" s="1251"/>
      <c r="N31" s="1252"/>
      <c r="O31" s="2"/>
      <c r="P31" s="1251"/>
      <c r="Q31" s="2"/>
      <c r="R31" s="2"/>
      <c r="S31" s="1251"/>
      <c r="T31" s="1252"/>
      <c r="U31" s="2"/>
      <c r="V31" s="1251"/>
      <c r="W31" s="5"/>
      <c r="X31" s="1252"/>
      <c r="Y31" s="1252"/>
      <c r="Z31" s="1251"/>
      <c r="AA31" s="1252"/>
      <c r="AB31" s="1252"/>
      <c r="AC31" s="1251"/>
      <c r="AD31" s="1252"/>
      <c r="AE31" s="1252"/>
      <c r="AF31" s="1251"/>
    </row>
    <row r="32" spans="1:32" s="6" customFormat="1" ht="15.75" customHeight="1" x14ac:dyDescent="0.2">
      <c r="A32" s="183">
        <v>22</v>
      </c>
      <c r="B32" s="192" t="s">
        <v>221</v>
      </c>
      <c r="C32" s="190">
        <v>0.22738444895106558</v>
      </c>
      <c r="D32" s="181">
        <v>1.2160353311110603E-3</v>
      </c>
      <c r="E32" s="181">
        <v>0.68977741887614341</v>
      </c>
      <c r="F32" s="186">
        <v>0</v>
      </c>
      <c r="G32" s="188">
        <v>1.1084119242843481E-2</v>
      </c>
      <c r="H32" s="181">
        <v>0.69182610623741436</v>
      </c>
      <c r="I32" s="182">
        <v>6.5808548724881604E-3</v>
      </c>
      <c r="K32" s="2"/>
      <c r="L32" s="2"/>
      <c r="M32" s="1251"/>
      <c r="N32" s="1252"/>
      <c r="O32" s="2"/>
      <c r="P32" s="1251"/>
      <c r="Q32" s="2"/>
      <c r="R32" s="2"/>
      <c r="S32" s="1251"/>
      <c r="T32" s="1252"/>
      <c r="U32" s="2"/>
      <c r="V32" s="1251"/>
      <c r="W32" s="5"/>
      <c r="X32" s="1252"/>
      <c r="Y32" s="1252"/>
      <c r="Z32" s="1251"/>
      <c r="AA32" s="1252"/>
      <c r="AB32" s="1252"/>
      <c r="AC32" s="1251"/>
      <c r="AD32" s="1252"/>
      <c r="AE32" s="1252"/>
      <c r="AF32" s="1251"/>
    </row>
    <row r="33" spans="1:32" s="6" customFormat="1" ht="15.75" customHeight="1" x14ac:dyDescent="0.2">
      <c r="A33" s="183">
        <v>23</v>
      </c>
      <c r="B33" s="192" t="s">
        <v>222</v>
      </c>
      <c r="C33" s="190">
        <v>0.23993255851771436</v>
      </c>
      <c r="D33" s="181">
        <v>8.6804873867085024E-4</v>
      </c>
      <c r="E33" s="181">
        <v>0.67094304462169896</v>
      </c>
      <c r="F33" s="186">
        <v>0</v>
      </c>
      <c r="G33" s="188">
        <v>1.3176803142752769E-2</v>
      </c>
      <c r="H33" s="181">
        <v>0.66559235510546699</v>
      </c>
      <c r="I33" s="182">
        <v>8.9143994742657568E-3</v>
      </c>
      <c r="K33" s="2"/>
      <c r="L33" s="2"/>
      <c r="M33" s="1251"/>
      <c r="N33" s="1252"/>
      <c r="O33" s="2"/>
      <c r="P33" s="1251"/>
      <c r="Q33" s="2"/>
      <c r="R33" s="2"/>
      <c r="S33" s="1251"/>
      <c r="T33" s="1252"/>
      <c r="U33" s="2"/>
      <c r="V33" s="1251"/>
      <c r="W33" s="5"/>
      <c r="X33" s="1252"/>
      <c r="Y33" s="1252"/>
      <c r="Z33" s="1251"/>
      <c r="AA33" s="1252"/>
      <c r="AB33" s="1252"/>
      <c r="AC33" s="1251"/>
      <c r="AD33" s="1252"/>
      <c r="AE33" s="1252"/>
      <c r="AF33" s="1251"/>
    </row>
    <row r="34" spans="1:32" s="6" customFormat="1" ht="15.75" customHeight="1" x14ac:dyDescent="0.2">
      <c r="A34" s="183">
        <v>24</v>
      </c>
      <c r="B34" s="192" t="s">
        <v>223</v>
      </c>
      <c r="C34" s="190">
        <v>0.20084800698923128</v>
      </c>
      <c r="D34" s="181">
        <v>0</v>
      </c>
      <c r="E34" s="181">
        <v>0.70841364935147533</v>
      </c>
      <c r="F34" s="186">
        <v>1.0673423205139098E-2</v>
      </c>
      <c r="G34" s="188">
        <v>1.9402699952978983E-2</v>
      </c>
      <c r="H34" s="181">
        <v>0.70478688419657309</v>
      </c>
      <c r="I34" s="182">
        <v>6.7185538812323574E-3</v>
      </c>
      <c r="K34" s="2"/>
      <c r="L34" s="2"/>
      <c r="M34" s="1251"/>
      <c r="N34" s="1252"/>
      <c r="O34" s="2"/>
      <c r="P34" s="1251"/>
      <c r="Q34" s="2"/>
      <c r="R34" s="2"/>
      <c r="S34" s="1251"/>
      <c r="T34" s="1252"/>
      <c r="U34" s="2"/>
      <c r="V34" s="1251"/>
      <c r="W34" s="5"/>
      <c r="X34" s="1252"/>
      <c r="Y34" s="1252"/>
      <c r="Z34" s="1251"/>
      <c r="AA34" s="1252"/>
      <c r="AB34" s="1252"/>
      <c r="AC34" s="1251"/>
      <c r="AD34" s="1252"/>
      <c r="AE34" s="1252"/>
      <c r="AF34" s="1251"/>
    </row>
    <row r="35" spans="1:32" s="6" customFormat="1" ht="15.75" customHeight="1" x14ac:dyDescent="0.2">
      <c r="A35" s="183">
        <v>25</v>
      </c>
      <c r="B35" s="192" t="s">
        <v>224</v>
      </c>
      <c r="C35" s="190">
        <v>0.18825069505995007</v>
      </c>
      <c r="D35" s="181">
        <v>1.7255598042462234E-3</v>
      </c>
      <c r="E35" s="181">
        <v>0.67107393610789379</v>
      </c>
      <c r="F35" s="186">
        <v>0</v>
      </c>
      <c r="G35" s="188">
        <v>2.1522718370002594E-2</v>
      </c>
      <c r="H35" s="181">
        <v>0.67386617066554599</v>
      </c>
      <c r="I35" s="182">
        <v>9.244645699230147E-3</v>
      </c>
      <c r="K35" s="2"/>
      <c r="L35" s="2"/>
      <c r="M35" s="1251"/>
      <c r="N35" s="1252"/>
      <c r="O35" s="2"/>
      <c r="P35" s="1251"/>
      <c r="Q35" s="2"/>
      <c r="R35" s="2"/>
      <c r="S35" s="1251"/>
      <c r="T35" s="1252"/>
      <c r="U35" s="2"/>
      <c r="V35" s="1251"/>
      <c r="W35" s="5"/>
      <c r="X35" s="1252"/>
      <c r="Y35" s="1252"/>
      <c r="Z35" s="1251"/>
      <c r="AA35" s="1252"/>
      <c r="AB35" s="1252"/>
      <c r="AC35" s="1251"/>
      <c r="AD35" s="1252"/>
      <c r="AE35" s="1252"/>
      <c r="AF35" s="1251"/>
    </row>
    <row r="36" spans="1:32" s="6" customFormat="1" ht="15.75" customHeight="1" x14ac:dyDescent="0.2">
      <c r="A36" s="183">
        <v>26</v>
      </c>
      <c r="B36" s="192" t="s">
        <v>225</v>
      </c>
      <c r="C36" s="190">
        <v>0.21472505518084259</v>
      </c>
      <c r="D36" s="181">
        <v>1.5464332202262316E-3</v>
      </c>
      <c r="E36" s="181">
        <v>0.6866031368129486</v>
      </c>
      <c r="F36" s="186">
        <v>0</v>
      </c>
      <c r="G36" s="188">
        <v>2.7491822297855392E-2</v>
      </c>
      <c r="H36" s="181">
        <v>0.70513473016217953</v>
      </c>
      <c r="I36" s="182">
        <v>1.3349921379605703E-2</v>
      </c>
      <c r="K36" s="2"/>
      <c r="L36" s="2"/>
      <c r="M36" s="1251"/>
      <c r="N36" s="1252"/>
      <c r="O36" s="2"/>
      <c r="P36" s="1251"/>
      <c r="Q36" s="2"/>
      <c r="R36" s="2"/>
      <c r="S36" s="1251"/>
      <c r="T36" s="1252"/>
      <c r="U36" s="2"/>
      <c r="V36" s="1251"/>
      <c r="W36" s="5"/>
      <c r="X36" s="1252"/>
      <c r="Y36" s="1252"/>
      <c r="Z36" s="1251"/>
      <c r="AA36" s="1252"/>
      <c r="AB36" s="1252"/>
      <c r="AC36" s="1251"/>
      <c r="AD36" s="1252"/>
      <c r="AE36" s="1252"/>
      <c r="AF36" s="1251"/>
    </row>
    <row r="37" spans="1:32" s="6" customFormat="1" ht="15.75" customHeight="1" x14ac:dyDescent="0.2">
      <c r="A37" s="183">
        <v>27</v>
      </c>
      <c r="B37" s="192" t="s">
        <v>226</v>
      </c>
      <c r="C37" s="190">
        <v>0.19867545147503496</v>
      </c>
      <c r="D37" s="181">
        <v>3.8080961395687641E-4</v>
      </c>
      <c r="E37" s="181">
        <v>0.71571759169088078</v>
      </c>
      <c r="F37" s="186">
        <v>7.7234511545137587E-3</v>
      </c>
      <c r="G37" s="188">
        <v>1.7435829177915689E-2</v>
      </c>
      <c r="H37" s="181">
        <v>0.70299473064267948</v>
      </c>
      <c r="I37" s="182">
        <v>4.0065827636057748E-3</v>
      </c>
      <c r="K37" s="2"/>
      <c r="L37" s="2"/>
      <c r="M37" s="1251"/>
      <c r="N37" s="1252"/>
      <c r="O37" s="2"/>
      <c r="P37" s="1251"/>
      <c r="Q37" s="2"/>
      <c r="R37" s="2"/>
      <c r="S37" s="1251"/>
      <c r="T37" s="1252"/>
      <c r="U37" s="2"/>
      <c r="V37" s="1251"/>
      <c r="W37" s="5"/>
      <c r="X37" s="1252"/>
      <c r="Y37" s="1252"/>
      <c r="Z37" s="1251"/>
      <c r="AA37" s="1252"/>
      <c r="AB37" s="1252"/>
      <c r="AC37" s="1251"/>
      <c r="AD37" s="1252"/>
      <c r="AE37" s="1252"/>
      <c r="AF37" s="1251"/>
    </row>
    <row r="38" spans="1:32" s="6" customFormat="1" ht="15.75" customHeight="1" x14ac:dyDescent="0.2">
      <c r="A38" s="183">
        <v>28</v>
      </c>
      <c r="B38" s="192" t="s">
        <v>227</v>
      </c>
      <c r="C38" s="190">
        <v>0.21255007739778548</v>
      </c>
      <c r="D38" s="181">
        <v>1.0019695277042272E-3</v>
      </c>
      <c r="E38" s="181">
        <v>0.67803148523985857</v>
      </c>
      <c r="F38" s="186">
        <v>3.0990296244467262E-3</v>
      </c>
      <c r="G38" s="188">
        <v>1.1669956943553184E-2</v>
      </c>
      <c r="H38" s="181">
        <v>0.68491297668749596</v>
      </c>
      <c r="I38" s="182">
        <v>7.8148749403612883E-3</v>
      </c>
      <c r="K38" s="2"/>
      <c r="L38" s="2"/>
      <c r="M38" s="1251"/>
      <c r="N38" s="1252"/>
      <c r="O38" s="2"/>
      <c r="P38" s="1251"/>
      <c r="Q38" s="2"/>
      <c r="R38" s="2"/>
      <c r="S38" s="1251"/>
      <c r="T38" s="1252"/>
      <c r="U38" s="2"/>
      <c r="V38" s="1251"/>
      <c r="W38" s="5"/>
      <c r="X38" s="1252"/>
      <c r="Y38" s="1252"/>
      <c r="Z38" s="1251"/>
      <c r="AA38" s="1252"/>
      <c r="AB38" s="1252"/>
      <c r="AC38" s="1251"/>
      <c r="AD38" s="1252"/>
      <c r="AE38" s="1252"/>
      <c r="AF38" s="1251"/>
    </row>
    <row r="39" spans="1:32" s="6" customFormat="1" ht="15.75" customHeight="1" x14ac:dyDescent="0.2">
      <c r="A39" s="183">
        <v>29</v>
      </c>
      <c r="B39" s="192" t="s">
        <v>228</v>
      </c>
      <c r="C39" s="190">
        <v>0.17174219481366762</v>
      </c>
      <c r="D39" s="181">
        <v>4.6426169029407252E-3</v>
      </c>
      <c r="E39" s="181">
        <v>0.65499888824195662</v>
      </c>
      <c r="F39" s="186">
        <v>0</v>
      </c>
      <c r="G39" s="188">
        <v>4.6689219520472044E-2</v>
      </c>
      <c r="H39" s="181">
        <v>0.65658183446385543</v>
      </c>
      <c r="I39" s="182">
        <v>9.9493919677126532E-3</v>
      </c>
      <c r="K39" s="2"/>
      <c r="L39" s="2"/>
      <c r="M39" s="1251"/>
      <c r="N39" s="1252"/>
      <c r="O39" s="2"/>
      <c r="P39" s="1251"/>
      <c r="Q39" s="2"/>
      <c r="R39" s="2"/>
      <c r="S39" s="1251"/>
      <c r="T39" s="1252"/>
      <c r="U39" s="2"/>
      <c r="V39" s="1251"/>
      <c r="W39" s="5"/>
      <c r="X39" s="1252"/>
      <c r="Y39" s="1252"/>
      <c r="Z39" s="1251"/>
      <c r="AA39" s="1252"/>
      <c r="AB39" s="1252"/>
      <c r="AC39" s="1251"/>
      <c r="AD39" s="1252"/>
      <c r="AE39" s="1252"/>
      <c r="AF39" s="1251"/>
    </row>
    <row r="40" spans="1:32" s="6" customFormat="1" ht="15.75" customHeight="1" x14ac:dyDescent="0.2">
      <c r="A40" s="183">
        <v>30</v>
      </c>
      <c r="B40" s="192" t="s">
        <v>229</v>
      </c>
      <c r="C40" s="190">
        <v>0.18727964983450365</v>
      </c>
      <c r="D40" s="181">
        <v>1.3486070440179485E-3</v>
      </c>
      <c r="E40" s="181">
        <v>0.6869978541062427</v>
      </c>
      <c r="F40" s="186">
        <v>0</v>
      </c>
      <c r="G40" s="188">
        <v>2.314461903594792E-2</v>
      </c>
      <c r="H40" s="181">
        <v>0.69210585086398557</v>
      </c>
      <c r="I40" s="182">
        <v>1.0030220985279158E-2</v>
      </c>
      <c r="K40" s="2"/>
      <c r="L40" s="2"/>
      <c r="M40" s="1251"/>
      <c r="N40" s="1252"/>
      <c r="O40" s="2"/>
      <c r="P40" s="1251"/>
      <c r="Q40" s="2"/>
      <c r="R40" s="2"/>
      <c r="S40" s="1251"/>
      <c r="T40" s="1252"/>
      <c r="U40" s="2"/>
      <c r="V40" s="1251"/>
      <c r="W40" s="5"/>
      <c r="X40" s="1252"/>
      <c r="Y40" s="1252"/>
      <c r="Z40" s="1251"/>
      <c r="AA40" s="1252"/>
      <c r="AB40" s="1252"/>
      <c r="AC40" s="1251"/>
      <c r="AD40" s="1252"/>
      <c r="AE40" s="1252"/>
      <c r="AF40" s="1251"/>
    </row>
    <row r="41" spans="1:32" s="6" customFormat="1" ht="15.75" customHeight="1" x14ac:dyDescent="0.2">
      <c r="A41" s="183">
        <v>31</v>
      </c>
      <c r="B41" s="192" t="s">
        <v>230</v>
      </c>
      <c r="C41" s="190">
        <v>0.21145252938423151</v>
      </c>
      <c r="D41" s="181">
        <v>3.2920452672584324E-3</v>
      </c>
      <c r="E41" s="181">
        <v>0.66500193914227357</v>
      </c>
      <c r="F41" s="186">
        <v>0</v>
      </c>
      <c r="G41" s="188">
        <v>1.5196024058779666E-2</v>
      </c>
      <c r="H41" s="181">
        <v>0.69124602629257459</v>
      </c>
      <c r="I41" s="182">
        <v>6.8516024879802647E-3</v>
      </c>
      <c r="K41" s="2"/>
      <c r="L41" s="2"/>
      <c r="M41" s="1251"/>
      <c r="N41" s="1252"/>
      <c r="O41" s="2"/>
      <c r="P41" s="1251"/>
      <c r="Q41" s="2"/>
      <c r="R41" s="2"/>
      <c r="S41" s="1251"/>
      <c r="T41" s="1252"/>
      <c r="U41" s="2"/>
      <c r="V41" s="1251"/>
      <c r="W41" s="5"/>
      <c r="X41" s="1252"/>
      <c r="Y41" s="1252"/>
      <c r="Z41" s="1251"/>
      <c r="AA41" s="1252"/>
      <c r="AB41" s="1252"/>
      <c r="AC41" s="1251"/>
      <c r="AD41" s="1252"/>
      <c r="AE41" s="1252"/>
      <c r="AF41" s="1251"/>
    </row>
    <row r="42" spans="1:32" s="6" customFormat="1" ht="15.75" customHeight="1" x14ac:dyDescent="0.2">
      <c r="A42" s="183">
        <v>32</v>
      </c>
      <c r="B42" s="192" t="s">
        <v>231</v>
      </c>
      <c r="C42" s="190">
        <v>0.20317083968820052</v>
      </c>
      <c r="D42" s="181">
        <v>3.6713039822370238E-3</v>
      </c>
      <c r="E42" s="181">
        <v>0.69506708512167403</v>
      </c>
      <c r="F42" s="186">
        <v>1.4786018134064395E-2</v>
      </c>
      <c r="G42" s="188">
        <v>1.7291751469961807E-2</v>
      </c>
      <c r="H42" s="181">
        <v>0.68762790254525497</v>
      </c>
      <c r="I42" s="182">
        <v>1.0971192209435992E-2</v>
      </c>
      <c r="K42" s="2"/>
      <c r="L42" s="2"/>
      <c r="M42" s="1251"/>
      <c r="N42" s="1252"/>
      <c r="O42" s="2"/>
      <c r="P42" s="1251"/>
      <c r="Q42" s="2"/>
      <c r="R42" s="2"/>
      <c r="S42" s="1251"/>
      <c r="T42" s="1252"/>
      <c r="U42" s="2"/>
      <c r="V42" s="1251"/>
      <c r="W42" s="5"/>
      <c r="X42" s="1252"/>
      <c r="Y42" s="1252"/>
      <c r="Z42" s="1251"/>
      <c r="AA42" s="1252"/>
      <c r="AB42" s="1252"/>
      <c r="AC42" s="1251"/>
      <c r="AD42" s="1252"/>
      <c r="AE42" s="1252"/>
      <c r="AF42" s="1251"/>
    </row>
    <row r="43" spans="1:32" s="6" customFormat="1" ht="15.75" customHeight="1" x14ac:dyDescent="0.2">
      <c r="A43" s="183">
        <v>33</v>
      </c>
      <c r="B43" s="192" t="s">
        <v>232</v>
      </c>
      <c r="C43" s="190">
        <v>0.16828515329326793</v>
      </c>
      <c r="D43" s="181">
        <v>1.8464468544519958E-3</v>
      </c>
      <c r="E43" s="181">
        <v>0.71519533360742349</v>
      </c>
      <c r="F43" s="186">
        <v>0</v>
      </c>
      <c r="G43" s="188">
        <v>5.0827546046279072E-2</v>
      </c>
      <c r="H43" s="181">
        <v>0.675133548654967</v>
      </c>
      <c r="I43" s="182">
        <v>1.137141470236955E-2</v>
      </c>
      <c r="K43" s="2"/>
      <c r="L43" s="2"/>
      <c r="M43" s="1251"/>
      <c r="N43" s="1252"/>
      <c r="O43" s="2"/>
      <c r="P43" s="1251"/>
      <c r="Q43" s="2"/>
      <c r="R43" s="2"/>
      <c r="S43" s="1251"/>
      <c r="T43" s="1252"/>
      <c r="U43" s="2"/>
      <c r="V43" s="1251"/>
      <c r="W43" s="5"/>
      <c r="X43" s="1252"/>
      <c r="Y43" s="1252"/>
      <c r="Z43" s="1251"/>
      <c r="AA43" s="1252"/>
      <c r="AB43" s="1252"/>
      <c r="AC43" s="1251"/>
      <c r="AD43" s="1252"/>
      <c r="AE43" s="1252"/>
      <c r="AF43" s="1251"/>
    </row>
    <row r="44" spans="1:32" s="6" customFormat="1" ht="16.5" customHeight="1" x14ac:dyDescent="0.2">
      <c r="A44" s="1657" t="s">
        <v>38</v>
      </c>
      <c r="B44" s="1658"/>
      <c r="C44" s="190">
        <v>0.22904318023653786</v>
      </c>
      <c r="D44" s="181">
        <v>3.1903196408061183E-3</v>
      </c>
      <c r="E44" s="181">
        <v>0.66404532601254551</v>
      </c>
      <c r="F44" s="186">
        <v>1.1756648113037475E-2</v>
      </c>
      <c r="G44" s="188">
        <v>1.7098988017483534E-2</v>
      </c>
      <c r="H44" s="181">
        <v>0.66948358713437794</v>
      </c>
      <c r="I44" s="182">
        <v>6.2602430887416299E-3</v>
      </c>
      <c r="K44" s="2"/>
      <c r="L44" s="2"/>
      <c r="M44" s="1251"/>
      <c r="N44" s="1252"/>
      <c r="O44" s="2"/>
      <c r="P44" s="1251"/>
      <c r="Q44" s="2"/>
      <c r="R44" s="2"/>
      <c r="S44" s="1251"/>
      <c r="T44" s="1252"/>
      <c r="U44" s="2"/>
      <c r="V44" s="1251"/>
      <c r="W44" s="5"/>
      <c r="X44" s="1252"/>
      <c r="Y44" s="1252"/>
      <c r="Z44" s="1251"/>
      <c r="AA44" s="1252"/>
      <c r="AB44" s="1252"/>
      <c r="AC44" s="1251"/>
      <c r="AD44" s="1252"/>
      <c r="AE44" s="1252"/>
      <c r="AF44" s="1251"/>
    </row>
    <row r="45" spans="1:32" s="6" customFormat="1" ht="15.75" customHeight="1" x14ac:dyDescent="0.2">
      <c r="A45" s="183">
        <v>301</v>
      </c>
      <c r="B45" s="193" t="s">
        <v>193</v>
      </c>
      <c r="C45" s="190">
        <v>0.62301921996700649</v>
      </c>
      <c r="D45" s="181">
        <v>8.7035211422673578E-2</v>
      </c>
      <c r="E45" s="181">
        <v>0</v>
      </c>
      <c r="F45" s="186">
        <v>0</v>
      </c>
      <c r="G45" s="188">
        <v>2.9913276454750139E-2</v>
      </c>
      <c r="H45" s="181">
        <v>0.49395756702297</v>
      </c>
      <c r="I45" s="182">
        <v>3.3672680544780009E-2</v>
      </c>
      <c r="K45" s="2"/>
      <c r="L45" s="2"/>
      <c r="M45" s="1251"/>
      <c r="N45" s="1252"/>
      <c r="O45" s="2"/>
      <c r="P45" s="1251"/>
      <c r="Q45" s="2"/>
      <c r="R45" s="2"/>
      <c r="S45" s="1251"/>
      <c r="T45" s="1252"/>
      <c r="U45" s="2"/>
      <c r="V45" s="1251"/>
      <c r="W45" s="5"/>
      <c r="X45" s="1252"/>
      <c r="Y45" s="1252"/>
      <c r="Z45" s="1251"/>
      <c r="AA45" s="1252"/>
      <c r="AB45" s="1252"/>
      <c r="AC45" s="1251"/>
      <c r="AD45" s="1252"/>
      <c r="AE45" s="1252"/>
      <c r="AF45" s="1251"/>
    </row>
    <row r="46" spans="1:32" s="6" customFormat="1" ht="15.75" customHeight="1" x14ac:dyDescent="0.2">
      <c r="A46" s="183">
        <v>302</v>
      </c>
      <c r="B46" s="193" t="s">
        <v>194</v>
      </c>
      <c r="C46" s="190">
        <v>0.66555188264027376</v>
      </c>
      <c r="D46" s="181">
        <v>0.14995614190613279</v>
      </c>
      <c r="E46" s="181">
        <v>0</v>
      </c>
      <c r="F46" s="186">
        <v>0</v>
      </c>
      <c r="G46" s="188">
        <v>3.0579843967650854E-2</v>
      </c>
      <c r="H46" s="181">
        <v>0.46653991997327299</v>
      </c>
      <c r="I46" s="182">
        <v>2.9370289125276401E-2</v>
      </c>
      <c r="K46" s="2"/>
      <c r="L46" s="2"/>
      <c r="M46" s="1251"/>
      <c r="N46" s="1252"/>
      <c r="O46" s="2"/>
      <c r="P46" s="1251"/>
      <c r="Q46" s="2"/>
      <c r="R46" s="2"/>
      <c r="S46" s="1251"/>
      <c r="T46" s="1252"/>
      <c r="U46" s="2"/>
      <c r="V46" s="1251"/>
      <c r="W46" s="5"/>
      <c r="X46" s="1252"/>
      <c r="Y46" s="1252"/>
      <c r="Z46" s="1251"/>
      <c r="AA46" s="1252"/>
      <c r="AB46" s="1252"/>
      <c r="AC46" s="1251"/>
      <c r="AD46" s="1252"/>
      <c r="AE46" s="1252"/>
      <c r="AF46" s="1251"/>
    </row>
    <row r="47" spans="1:32" s="6" customFormat="1" ht="15.75" customHeight="1" x14ac:dyDescent="0.2">
      <c r="A47" s="183">
        <v>303</v>
      </c>
      <c r="B47" s="193" t="s">
        <v>195</v>
      </c>
      <c r="C47" s="190">
        <v>0.48583246066861069</v>
      </c>
      <c r="D47" s="181">
        <v>0.4174656708129319</v>
      </c>
      <c r="E47" s="181">
        <v>5.5988996054353723E-4</v>
      </c>
      <c r="F47" s="186">
        <v>0</v>
      </c>
      <c r="G47" s="188">
        <v>4.0816646624603201E-2</v>
      </c>
      <c r="H47" s="181">
        <v>0.6098914708897275</v>
      </c>
      <c r="I47" s="182">
        <v>1.4459869780517835E-2</v>
      </c>
      <c r="K47" s="2"/>
      <c r="L47" s="2"/>
      <c r="M47" s="1251"/>
      <c r="N47" s="1252"/>
      <c r="O47" s="2"/>
      <c r="P47" s="1251"/>
      <c r="Q47" s="2"/>
      <c r="R47" s="2"/>
      <c r="S47" s="1251"/>
      <c r="T47" s="1252"/>
      <c r="U47" s="2"/>
      <c r="V47" s="1251"/>
      <c r="W47" s="5"/>
      <c r="X47" s="1252"/>
      <c r="Y47" s="1252"/>
      <c r="Z47" s="1251"/>
      <c r="AA47" s="1252"/>
      <c r="AB47" s="1252"/>
      <c r="AC47" s="1251"/>
      <c r="AD47" s="1252"/>
      <c r="AE47" s="1252"/>
      <c r="AF47" s="1251"/>
    </row>
    <row r="48" spans="1:32" s="6" customFormat="1" ht="15.75" customHeight="1" x14ac:dyDescent="0.2">
      <c r="A48" s="183">
        <v>304</v>
      </c>
      <c r="B48" s="193" t="s">
        <v>196</v>
      </c>
      <c r="C48" s="190">
        <v>0.62347021961567983</v>
      </c>
      <c r="D48" s="181">
        <v>0.13492148810211502</v>
      </c>
      <c r="E48" s="181">
        <v>0</v>
      </c>
      <c r="F48" s="186">
        <v>0</v>
      </c>
      <c r="G48" s="188">
        <v>5.7620811513782379E-2</v>
      </c>
      <c r="H48" s="181">
        <v>0.47848997349367584</v>
      </c>
      <c r="I48" s="182">
        <v>2.9589637523170616E-2</v>
      </c>
      <c r="K48" s="2"/>
      <c r="L48" s="2"/>
      <c r="M48" s="1251"/>
      <c r="N48" s="1252"/>
      <c r="O48" s="2"/>
      <c r="P48" s="1251"/>
      <c r="Q48" s="2"/>
      <c r="R48" s="2"/>
      <c r="S48" s="1251"/>
      <c r="T48" s="1252"/>
      <c r="U48" s="2"/>
      <c r="V48" s="1251"/>
      <c r="W48" s="5"/>
      <c r="X48" s="1252"/>
      <c r="Y48" s="1252"/>
      <c r="Z48" s="1251"/>
      <c r="AA48" s="1252"/>
      <c r="AB48" s="1252"/>
      <c r="AC48" s="1251"/>
      <c r="AD48" s="1252"/>
      <c r="AE48" s="1252"/>
      <c r="AF48" s="1251"/>
    </row>
    <row r="49" spans="1:32" s="6" customFormat="1" ht="15.75" customHeight="1" x14ac:dyDescent="0.2">
      <c r="A49" s="183">
        <v>305</v>
      </c>
      <c r="B49" s="193" t="s">
        <v>197</v>
      </c>
      <c r="C49" s="190">
        <v>0.42710998784118331</v>
      </c>
      <c r="D49" s="181">
        <v>0.28203174141146398</v>
      </c>
      <c r="E49" s="181">
        <v>4.9456222208210643E-4</v>
      </c>
      <c r="F49" s="186">
        <v>0</v>
      </c>
      <c r="G49" s="188">
        <v>5.6879894912755316E-2</v>
      </c>
      <c r="H49" s="181">
        <v>0.49925459986120396</v>
      </c>
      <c r="I49" s="182">
        <v>3.1435873629634736E-2</v>
      </c>
      <c r="K49" s="2"/>
      <c r="L49" s="2"/>
      <c r="M49" s="1251"/>
      <c r="N49" s="1252"/>
      <c r="O49" s="2"/>
      <c r="P49" s="1251"/>
      <c r="Q49" s="2"/>
      <c r="R49" s="2"/>
      <c r="S49" s="1251"/>
      <c r="T49" s="1252"/>
      <c r="U49" s="2"/>
      <c r="V49" s="1251"/>
      <c r="W49" s="5"/>
      <c r="X49" s="1252"/>
      <c r="Y49" s="1252"/>
      <c r="Z49" s="1251"/>
      <c r="AA49" s="1252"/>
      <c r="AB49" s="1252"/>
      <c r="AC49" s="1251"/>
      <c r="AD49" s="1252"/>
      <c r="AE49" s="1252"/>
      <c r="AF49" s="1251"/>
    </row>
    <row r="50" spans="1:32" s="6" customFormat="1" ht="15.75" customHeight="1" x14ac:dyDescent="0.2">
      <c r="A50" s="183">
        <v>306</v>
      </c>
      <c r="B50" s="193" t="s">
        <v>198</v>
      </c>
      <c r="C50" s="190">
        <v>0.3497784728701549</v>
      </c>
      <c r="D50" s="181">
        <v>0.55441071885874582</v>
      </c>
      <c r="E50" s="181">
        <v>8.513703286087568E-4</v>
      </c>
      <c r="F50" s="186">
        <v>0</v>
      </c>
      <c r="G50" s="188">
        <v>3.2730629263048899E-2</v>
      </c>
      <c r="H50" s="181">
        <v>0.50213479604358191</v>
      </c>
      <c r="I50" s="182">
        <v>1.916144535676513E-2</v>
      </c>
      <c r="K50" s="2"/>
      <c r="L50" s="2"/>
      <c r="M50" s="1251"/>
      <c r="N50" s="1252"/>
      <c r="O50" s="2"/>
      <c r="P50" s="1251"/>
      <c r="Q50" s="2"/>
      <c r="R50" s="2"/>
      <c r="S50" s="1251"/>
      <c r="T50" s="1252"/>
      <c r="U50" s="2"/>
      <c r="V50" s="1251"/>
      <c r="W50" s="5"/>
      <c r="X50" s="1252"/>
      <c r="Y50" s="1252"/>
      <c r="Z50" s="1251"/>
      <c r="AA50" s="1252"/>
      <c r="AB50" s="1252"/>
      <c r="AC50" s="1251"/>
      <c r="AD50" s="1252"/>
      <c r="AE50" s="1252"/>
      <c r="AF50" s="1251"/>
    </row>
    <row r="51" spans="1:32" s="6" customFormat="1" ht="16.5" customHeight="1" thickBot="1" x14ac:dyDescent="0.25">
      <c r="A51" s="1653" t="s">
        <v>199</v>
      </c>
      <c r="B51" s="1654"/>
      <c r="C51" s="191">
        <v>0.44563830521579267</v>
      </c>
      <c r="D51" s="184">
        <v>0.40821092562124456</v>
      </c>
      <c r="E51" s="184">
        <v>5.737854383506913E-4</v>
      </c>
      <c r="F51" s="187">
        <v>0</v>
      </c>
      <c r="G51" s="189">
        <v>3.5104271740303443E-2</v>
      </c>
      <c r="H51" s="184">
        <v>0.50742793480432291</v>
      </c>
      <c r="I51" s="185">
        <v>2.2191865689143088E-2</v>
      </c>
      <c r="K51" s="2"/>
      <c r="L51" s="2"/>
      <c r="M51" s="1251"/>
      <c r="N51" s="1252"/>
      <c r="O51" s="2"/>
      <c r="P51" s="1251"/>
      <c r="Q51" s="2"/>
      <c r="R51" s="2"/>
      <c r="S51" s="1251"/>
      <c r="T51" s="1252"/>
      <c r="U51" s="2"/>
      <c r="V51" s="1251"/>
      <c r="W51" s="5"/>
      <c r="X51" s="1252"/>
      <c r="Y51" s="1252"/>
      <c r="Z51" s="1251"/>
      <c r="AA51" s="1252"/>
      <c r="AB51" s="1252"/>
      <c r="AC51" s="1251"/>
      <c r="AD51" s="1252"/>
      <c r="AE51" s="1252"/>
      <c r="AF51" s="1251"/>
    </row>
    <row r="52" spans="1:32" s="6" customFormat="1" ht="14.25" customHeight="1" x14ac:dyDescent="0.2">
      <c r="A52" s="38" t="s">
        <v>157</v>
      </c>
      <c r="B52" s="38"/>
      <c r="C52" s="39"/>
      <c r="D52" s="40"/>
      <c r="E52" s="40"/>
      <c r="F52" s="40"/>
      <c r="G52" s="40"/>
      <c r="H52" s="40"/>
      <c r="I52" s="40"/>
      <c r="K52" s="2"/>
      <c r="L52" s="5"/>
      <c r="M52" s="5"/>
      <c r="N52" s="5"/>
      <c r="O52" s="5"/>
      <c r="P52" s="5"/>
      <c r="Q52" s="2"/>
      <c r="R52" s="5"/>
      <c r="S52" s="1250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</row>
    <row r="54" spans="1:32" x14ac:dyDescent="0.15">
      <c r="B54" s="25"/>
    </row>
  </sheetData>
  <mergeCells count="16">
    <mergeCell ref="AD7:AF7"/>
    <mergeCell ref="AA7:AC7"/>
    <mergeCell ref="X7:Z7"/>
    <mergeCell ref="K7:M7"/>
    <mergeCell ref="N7:P7"/>
    <mergeCell ref="Q7:S7"/>
    <mergeCell ref="T7:V7"/>
    <mergeCell ref="G3:I3"/>
    <mergeCell ref="A6:B6"/>
    <mergeCell ref="A51:B51"/>
    <mergeCell ref="A8:B8"/>
    <mergeCell ref="A7:B7"/>
    <mergeCell ref="C3:F3"/>
    <mergeCell ref="A44:B44"/>
    <mergeCell ref="A10:B10"/>
    <mergeCell ref="A9:B9"/>
  </mergeCells>
  <phoneticPr fontId="0"/>
  <printOptions horizontalCentered="1"/>
  <pageMargins left="0.59055118110236227" right="0.59055118110236227" top="0.59055118110236227" bottom="0.59055118110236227" header="0.51181102362204722" footer="0.51181102362204722"/>
  <pageSetup paperSize="9" scale="95" orientation="portrait" blackAndWhite="1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C6" transitionEvaluation="1"/>
  <dimension ref="A1:AH57"/>
  <sheetViews>
    <sheetView zoomScaleNormal="100" zoomScaleSheetLayoutView="100" workbookViewId="0">
      <pane xSplit="2" ySplit="5" topLeftCell="C6" activePane="bottomRight" state="frozen"/>
      <selection activeCell="H59" sqref="H59"/>
      <selection pane="topRight" activeCell="H59" sqref="H59"/>
      <selection pane="bottomLeft" activeCell="H59" sqref="H59"/>
      <selection pane="bottomRight"/>
    </sheetView>
  </sheetViews>
  <sheetFormatPr defaultColWidth="11.88671875" defaultRowHeight="10.8" x14ac:dyDescent="0.15"/>
  <cols>
    <col min="1" max="1" width="3.6640625" style="740" customWidth="1"/>
    <col min="2" max="2" width="10" style="740" customWidth="1"/>
    <col min="3" max="4" width="4.6640625" style="740" customWidth="1"/>
    <col min="5" max="5" width="6.109375" style="740" customWidth="1"/>
    <col min="6" max="6" width="4.6640625" style="740" customWidth="1"/>
    <col min="7" max="7" width="16.88671875" style="740" customWidth="1"/>
    <col min="8" max="8" width="18" style="740" customWidth="1"/>
    <col min="9" max="9" width="9.88671875" style="740" customWidth="1"/>
    <col min="10" max="16" width="10.88671875" style="740" customWidth="1"/>
    <col min="17" max="17" width="3.6640625" style="740" customWidth="1"/>
    <col min="18" max="18" width="10" style="740" customWidth="1"/>
    <col min="19" max="19" width="10.88671875" style="740" customWidth="1"/>
    <col min="20" max="20" width="6.88671875" style="740" customWidth="1"/>
    <col min="21" max="21" width="10.88671875" style="740" customWidth="1"/>
    <col min="22" max="22" width="6.88671875" style="740" customWidth="1"/>
    <col min="23" max="23" width="10.88671875" style="740" customWidth="1"/>
    <col min="24" max="24" width="6.88671875" style="740" customWidth="1"/>
    <col min="25" max="25" width="10.88671875" style="740" customWidth="1"/>
    <col min="26" max="26" width="5.33203125" style="740" bestFit="1" customWidth="1"/>
    <col min="27" max="27" width="27.33203125" style="740" hidden="1" customWidth="1"/>
    <col min="28" max="28" width="10" style="740" bestFit="1" customWidth="1"/>
    <col min="29" max="32" width="10.88671875" style="740" customWidth="1"/>
    <col min="33" max="33" width="9.109375" style="1091" bestFit="1" customWidth="1"/>
    <col min="34" max="34" width="9.44140625" style="740" bestFit="1" customWidth="1"/>
    <col min="35" max="16384" width="11.88671875" style="740"/>
  </cols>
  <sheetData>
    <row r="1" spans="1:34" ht="13.2" x14ac:dyDescent="0.2">
      <c r="A1" s="1090" t="s">
        <v>769</v>
      </c>
      <c r="B1" s="1088"/>
      <c r="D1" s="1088"/>
      <c r="E1" s="1088"/>
      <c r="F1" s="1263"/>
      <c r="G1" s="1090"/>
      <c r="H1" s="1088"/>
      <c r="I1" s="763"/>
      <c r="J1" s="1088"/>
      <c r="K1" s="1088"/>
      <c r="L1" s="1088"/>
      <c r="M1" s="1088"/>
      <c r="N1" s="1088"/>
      <c r="O1" s="1088"/>
      <c r="P1" s="763"/>
      <c r="Q1" s="1089" t="s">
        <v>768</v>
      </c>
      <c r="R1" s="763"/>
      <c r="T1" s="1088"/>
      <c r="U1" s="763"/>
      <c r="V1" s="763"/>
      <c r="W1" s="763"/>
      <c r="AE1" s="763"/>
      <c r="AF1" s="763"/>
      <c r="AG1" s="1168"/>
      <c r="AH1" s="1694" t="s">
        <v>767</v>
      </c>
    </row>
    <row r="2" spans="1:34" ht="7.5" customHeight="1" thickBot="1" x14ac:dyDescent="0.2">
      <c r="A2" s="763"/>
      <c r="B2" s="763"/>
      <c r="C2" s="763"/>
      <c r="D2" s="763"/>
      <c r="E2" s="763"/>
      <c r="F2" s="763"/>
      <c r="G2" s="763"/>
      <c r="H2" s="763"/>
      <c r="I2" s="763"/>
      <c r="J2" s="1086"/>
      <c r="K2" s="763"/>
      <c r="L2" s="763"/>
      <c r="M2" s="1086"/>
      <c r="N2" s="763"/>
      <c r="O2" s="763"/>
      <c r="P2" s="1086"/>
      <c r="Q2" s="1086"/>
      <c r="R2" s="1086"/>
      <c r="S2" s="744"/>
      <c r="T2" s="744"/>
      <c r="U2" s="744"/>
      <c r="V2" s="744"/>
      <c r="W2" s="744"/>
      <c r="X2" s="744"/>
      <c r="Y2" s="763"/>
      <c r="Z2" s="763"/>
      <c r="AA2" s="763"/>
      <c r="AB2" s="763"/>
      <c r="AC2" s="763"/>
      <c r="AD2" s="763"/>
      <c r="AE2" s="763"/>
      <c r="AF2" s="763"/>
      <c r="AG2" s="1168"/>
      <c r="AH2" s="1695"/>
    </row>
    <row r="3" spans="1:34" s="809" customFormat="1" ht="13.2" customHeight="1" x14ac:dyDescent="0.2">
      <c r="A3" s="1685" t="s">
        <v>0</v>
      </c>
      <c r="B3" s="1686"/>
      <c r="C3" s="1679" t="s">
        <v>698</v>
      </c>
      <c r="D3" s="1691"/>
      <c r="E3" s="1672" t="s">
        <v>766</v>
      </c>
      <c r="F3" s="1675" t="s">
        <v>696</v>
      </c>
      <c r="G3" s="1676"/>
      <c r="H3" s="1262" t="s">
        <v>765</v>
      </c>
      <c r="I3" s="991" t="s">
        <v>694</v>
      </c>
      <c r="J3" s="1667" t="s">
        <v>692</v>
      </c>
      <c r="K3" s="1668"/>
      <c r="L3" s="1668"/>
      <c r="M3" s="1669"/>
      <c r="N3" s="1167" t="s">
        <v>691</v>
      </c>
      <c r="O3" s="1679" t="s">
        <v>764</v>
      </c>
      <c r="P3" s="1680"/>
      <c r="Q3" s="1685" t="s">
        <v>0</v>
      </c>
      <c r="R3" s="1686"/>
      <c r="S3" s="1700" t="s">
        <v>763</v>
      </c>
      <c r="T3" s="1701"/>
      <c r="U3" s="1701"/>
      <c r="V3" s="1701"/>
      <c r="W3" s="1701"/>
      <c r="X3" s="1701"/>
      <c r="Y3" s="1702"/>
      <c r="Z3" s="1703"/>
      <c r="AA3" s="988"/>
      <c r="AB3" s="1698" t="s">
        <v>762</v>
      </c>
      <c r="AC3" s="1708" t="s">
        <v>761</v>
      </c>
      <c r="AD3" s="987" t="s">
        <v>686</v>
      </c>
      <c r="AE3" s="987" t="s">
        <v>40</v>
      </c>
      <c r="AF3" s="987" t="s">
        <v>685</v>
      </c>
      <c r="AG3" s="1710" t="s">
        <v>760</v>
      </c>
      <c r="AH3" s="986" t="s">
        <v>759</v>
      </c>
    </row>
    <row r="4" spans="1:34" ht="12" customHeight="1" x14ac:dyDescent="0.15">
      <c r="A4" s="1687"/>
      <c r="B4" s="1688"/>
      <c r="C4" s="1692" t="s">
        <v>682</v>
      </c>
      <c r="D4" s="1692" t="s">
        <v>681</v>
      </c>
      <c r="E4" s="1673"/>
      <c r="F4" s="1677" t="s">
        <v>680</v>
      </c>
      <c r="G4" s="1677" t="s">
        <v>679</v>
      </c>
      <c r="H4" s="1166" t="s">
        <v>678</v>
      </c>
      <c r="I4" s="1165" t="s">
        <v>675</v>
      </c>
      <c r="J4" s="1164" t="s">
        <v>674</v>
      </c>
      <c r="K4" s="981" t="s">
        <v>673</v>
      </c>
      <c r="L4" s="981" t="s">
        <v>672</v>
      </c>
      <c r="M4" s="981" t="s">
        <v>671</v>
      </c>
      <c r="N4" s="1163" t="s">
        <v>670</v>
      </c>
      <c r="O4" s="1162" t="s">
        <v>660</v>
      </c>
      <c r="P4" s="982" t="s">
        <v>669</v>
      </c>
      <c r="Q4" s="1687"/>
      <c r="R4" s="1688"/>
      <c r="S4" s="1704" t="s">
        <v>758</v>
      </c>
      <c r="T4" s="1705"/>
      <c r="U4" s="1706" t="s">
        <v>757</v>
      </c>
      <c r="V4" s="1705"/>
      <c r="W4" s="1706" t="s">
        <v>756</v>
      </c>
      <c r="X4" s="1704"/>
      <c r="Y4" s="1706" t="s">
        <v>755</v>
      </c>
      <c r="Z4" s="1707"/>
      <c r="AA4" s="763"/>
      <c r="AB4" s="1699"/>
      <c r="AC4" s="1709"/>
      <c r="AD4" s="981" t="s">
        <v>664</v>
      </c>
      <c r="AE4" s="981" t="s">
        <v>664</v>
      </c>
      <c r="AF4" s="981" t="s">
        <v>754</v>
      </c>
      <c r="AG4" s="1711"/>
      <c r="AH4" s="954" t="s">
        <v>662</v>
      </c>
    </row>
    <row r="5" spans="1:34" ht="12" customHeight="1" thickBot="1" x14ac:dyDescent="0.2">
      <c r="A5" s="1689"/>
      <c r="B5" s="1690"/>
      <c r="C5" s="1693"/>
      <c r="D5" s="1693"/>
      <c r="E5" s="1674"/>
      <c r="F5" s="1678"/>
      <c r="G5" s="1678"/>
      <c r="H5" s="975" t="s">
        <v>661</v>
      </c>
      <c r="I5" s="873" t="s">
        <v>659</v>
      </c>
      <c r="J5" s="973" t="s">
        <v>655</v>
      </c>
      <c r="K5" s="972" t="s">
        <v>655</v>
      </c>
      <c r="L5" s="972" t="s">
        <v>123</v>
      </c>
      <c r="M5" s="979" t="s">
        <v>123</v>
      </c>
      <c r="N5" s="979" t="s">
        <v>753</v>
      </c>
      <c r="O5" s="1161" t="s">
        <v>657</v>
      </c>
      <c r="P5" s="978" t="s">
        <v>657</v>
      </c>
      <c r="Q5" s="1689"/>
      <c r="R5" s="1690"/>
      <c r="S5" s="779" t="s">
        <v>656</v>
      </c>
      <c r="T5" s="779" t="s">
        <v>655</v>
      </c>
      <c r="U5" s="779" t="s">
        <v>656</v>
      </c>
      <c r="V5" s="779" t="s">
        <v>655</v>
      </c>
      <c r="W5" s="779" t="s">
        <v>656</v>
      </c>
      <c r="X5" s="779" t="s">
        <v>655</v>
      </c>
      <c r="Y5" s="779" t="s">
        <v>656</v>
      </c>
      <c r="Z5" s="1083" t="s">
        <v>655</v>
      </c>
      <c r="AA5" s="770"/>
      <c r="AB5" s="973" t="s">
        <v>654</v>
      </c>
      <c r="AC5" s="972" t="s">
        <v>653</v>
      </c>
      <c r="AD5" s="972" t="s">
        <v>652</v>
      </c>
      <c r="AE5" s="972" t="s">
        <v>651</v>
      </c>
      <c r="AF5" s="972" t="s">
        <v>112</v>
      </c>
      <c r="AG5" s="1160" t="s">
        <v>650</v>
      </c>
      <c r="AH5" s="971" t="s">
        <v>649</v>
      </c>
    </row>
    <row r="6" spans="1:34" s="809" customFormat="1" ht="13.5" customHeight="1" thickTop="1" x14ac:dyDescent="0.15">
      <c r="A6" s="843">
        <v>1</v>
      </c>
      <c r="B6" s="842" t="s">
        <v>752</v>
      </c>
      <c r="C6" s="905" t="s">
        <v>622</v>
      </c>
      <c r="D6" s="909"/>
      <c r="E6" s="908" t="s">
        <v>647</v>
      </c>
      <c r="F6" s="908">
        <v>10</v>
      </c>
      <c r="G6" s="905" t="s">
        <v>634</v>
      </c>
      <c r="H6" s="792" t="s">
        <v>610</v>
      </c>
      <c r="I6" s="969" t="s">
        <v>734</v>
      </c>
      <c r="J6" s="904">
        <v>7.22</v>
      </c>
      <c r="K6" s="967">
        <v>0</v>
      </c>
      <c r="L6" s="1159">
        <v>34320</v>
      </c>
      <c r="M6" s="1158">
        <v>0</v>
      </c>
      <c r="N6" s="901">
        <v>63</v>
      </c>
      <c r="O6" s="845">
        <v>617019478</v>
      </c>
      <c r="P6" s="880">
        <v>0</v>
      </c>
      <c r="Q6" s="843">
        <v>1</v>
      </c>
      <c r="R6" s="842" t="s">
        <v>752</v>
      </c>
      <c r="S6" s="882">
        <v>44548806</v>
      </c>
      <c r="T6" s="1050">
        <v>65.17</v>
      </c>
      <c r="U6" s="882">
        <v>0</v>
      </c>
      <c r="V6" s="1050">
        <v>0</v>
      </c>
      <c r="W6" s="882">
        <v>23804764</v>
      </c>
      <c r="X6" s="1050">
        <v>34.83</v>
      </c>
      <c r="Y6" s="882">
        <v>0</v>
      </c>
      <c r="Z6" s="1049">
        <v>0</v>
      </c>
      <c r="AA6" s="813"/>
      <c r="AB6" s="835">
        <v>68353570</v>
      </c>
      <c r="AC6" s="884">
        <v>5581623</v>
      </c>
      <c r="AD6" s="884">
        <v>3901</v>
      </c>
      <c r="AE6" s="884">
        <v>2567331</v>
      </c>
      <c r="AF6" s="884">
        <v>9072836</v>
      </c>
      <c r="AG6" s="1157">
        <v>716641</v>
      </c>
      <c r="AH6" s="880">
        <v>51844520</v>
      </c>
    </row>
    <row r="7" spans="1:34" s="809" customFormat="1" ht="13.5" customHeight="1" x14ac:dyDescent="0.15">
      <c r="A7" s="843">
        <v>2</v>
      </c>
      <c r="B7" s="842" t="s">
        <v>2</v>
      </c>
      <c r="C7" s="898" t="s">
        <v>622</v>
      </c>
      <c r="D7" s="965"/>
      <c r="E7" s="897">
        <v>2</v>
      </c>
      <c r="F7" s="897">
        <v>10</v>
      </c>
      <c r="G7" s="898" t="s">
        <v>634</v>
      </c>
      <c r="H7" s="792" t="s">
        <v>610</v>
      </c>
      <c r="I7" s="961" t="s">
        <v>734</v>
      </c>
      <c r="J7" s="892">
        <v>6.76</v>
      </c>
      <c r="K7" s="919">
        <v>0</v>
      </c>
      <c r="L7" s="1151">
        <v>34845</v>
      </c>
      <c r="M7" s="1156">
        <v>0</v>
      </c>
      <c r="N7" s="889">
        <v>63</v>
      </c>
      <c r="O7" s="845">
        <v>258524467</v>
      </c>
      <c r="P7" s="880">
        <v>0</v>
      </c>
      <c r="Q7" s="843">
        <v>2</v>
      </c>
      <c r="R7" s="842" t="s">
        <v>2</v>
      </c>
      <c r="S7" s="882">
        <v>17476254</v>
      </c>
      <c r="T7" s="1050">
        <v>66.06</v>
      </c>
      <c r="U7" s="882">
        <v>0</v>
      </c>
      <c r="V7" s="1050">
        <v>0</v>
      </c>
      <c r="W7" s="882">
        <v>8979382</v>
      </c>
      <c r="X7" s="1050">
        <v>33.94</v>
      </c>
      <c r="Y7" s="882">
        <v>0</v>
      </c>
      <c r="Z7" s="1049">
        <v>0</v>
      </c>
      <c r="AA7" s="813"/>
      <c r="AB7" s="835">
        <v>26455636</v>
      </c>
      <c r="AC7" s="884">
        <v>1917626</v>
      </c>
      <c r="AD7" s="884">
        <v>289417</v>
      </c>
      <c r="AE7" s="884">
        <v>281758</v>
      </c>
      <c r="AF7" s="884">
        <v>3461623</v>
      </c>
      <c r="AG7" s="917">
        <v>-604834</v>
      </c>
      <c r="AH7" s="880">
        <v>19900378</v>
      </c>
    </row>
    <row r="8" spans="1:34" s="809" customFormat="1" ht="13.5" customHeight="1" x14ac:dyDescent="0.15">
      <c r="A8" s="843">
        <v>3</v>
      </c>
      <c r="B8" s="842" t="s">
        <v>3</v>
      </c>
      <c r="C8" s="898" t="s">
        <v>622</v>
      </c>
      <c r="D8" s="899"/>
      <c r="E8" s="897" t="s">
        <v>644</v>
      </c>
      <c r="F8" s="897">
        <v>10</v>
      </c>
      <c r="G8" s="898" t="s">
        <v>634</v>
      </c>
      <c r="H8" s="792" t="s">
        <v>622</v>
      </c>
      <c r="I8" s="961" t="s">
        <v>734</v>
      </c>
      <c r="J8" s="892">
        <v>6.41</v>
      </c>
      <c r="K8" s="919">
        <v>0</v>
      </c>
      <c r="L8" s="1151">
        <v>18520</v>
      </c>
      <c r="M8" s="890">
        <v>29660</v>
      </c>
      <c r="N8" s="889">
        <v>63</v>
      </c>
      <c r="O8" s="845">
        <v>59435972</v>
      </c>
      <c r="P8" s="880">
        <v>0</v>
      </c>
      <c r="Q8" s="843">
        <v>3</v>
      </c>
      <c r="R8" s="842" t="s">
        <v>3</v>
      </c>
      <c r="S8" s="882">
        <v>3756694</v>
      </c>
      <c r="T8" s="1050">
        <v>52.69</v>
      </c>
      <c r="U8" s="882">
        <v>0</v>
      </c>
      <c r="V8" s="1050">
        <v>0</v>
      </c>
      <c r="W8" s="882">
        <v>1684524</v>
      </c>
      <c r="X8" s="1050">
        <v>23.63</v>
      </c>
      <c r="Y8" s="882">
        <v>1687921</v>
      </c>
      <c r="Z8" s="1049">
        <v>23.68</v>
      </c>
      <c r="AA8" s="813"/>
      <c r="AB8" s="835">
        <v>7129139</v>
      </c>
      <c r="AC8" s="884">
        <v>908093</v>
      </c>
      <c r="AD8" s="884">
        <v>22</v>
      </c>
      <c r="AE8" s="884">
        <v>146663</v>
      </c>
      <c r="AF8" s="884">
        <v>321917</v>
      </c>
      <c r="AG8" s="917">
        <v>-3672</v>
      </c>
      <c r="AH8" s="880">
        <v>5748772</v>
      </c>
    </row>
    <row r="9" spans="1:34" s="809" customFormat="1" ht="13.5" customHeight="1" x14ac:dyDescent="0.15">
      <c r="A9" s="843">
        <v>4</v>
      </c>
      <c r="B9" s="842" t="s">
        <v>4</v>
      </c>
      <c r="C9" s="889"/>
      <c r="D9" s="898" t="s">
        <v>622</v>
      </c>
      <c r="E9" s="897">
        <v>3</v>
      </c>
      <c r="F9" s="897">
        <v>10</v>
      </c>
      <c r="G9" s="898" t="s">
        <v>634</v>
      </c>
      <c r="H9" s="792" t="s">
        <v>622</v>
      </c>
      <c r="I9" s="961" t="s">
        <v>734</v>
      </c>
      <c r="J9" s="892">
        <v>6.25</v>
      </c>
      <c r="K9" s="919">
        <v>0</v>
      </c>
      <c r="L9" s="1151">
        <v>25620</v>
      </c>
      <c r="M9" s="890">
        <v>17160</v>
      </c>
      <c r="N9" s="889">
        <v>63</v>
      </c>
      <c r="O9" s="845">
        <v>40073845</v>
      </c>
      <c r="P9" s="880">
        <v>0</v>
      </c>
      <c r="Q9" s="843">
        <v>4</v>
      </c>
      <c r="R9" s="842" t="s">
        <v>4</v>
      </c>
      <c r="S9" s="882">
        <v>2504606</v>
      </c>
      <c r="T9" s="1050">
        <v>54.71</v>
      </c>
      <c r="U9" s="882">
        <v>0</v>
      </c>
      <c r="V9" s="1050">
        <v>0</v>
      </c>
      <c r="W9" s="882">
        <v>1464209</v>
      </c>
      <c r="X9" s="1050">
        <v>31.99</v>
      </c>
      <c r="Y9" s="882">
        <v>608678</v>
      </c>
      <c r="Z9" s="1049">
        <v>13.3</v>
      </c>
      <c r="AA9" s="813"/>
      <c r="AB9" s="835">
        <v>4577493</v>
      </c>
      <c r="AC9" s="884">
        <v>478381</v>
      </c>
      <c r="AD9" s="884">
        <v>21</v>
      </c>
      <c r="AE9" s="884">
        <v>1358</v>
      </c>
      <c r="AF9" s="884">
        <v>302639</v>
      </c>
      <c r="AG9" s="917">
        <v>-15480</v>
      </c>
      <c r="AH9" s="880">
        <v>3779614</v>
      </c>
    </row>
    <row r="10" spans="1:34" s="809" customFormat="1" ht="13.5" customHeight="1" x14ac:dyDescent="0.15">
      <c r="A10" s="843">
        <v>5</v>
      </c>
      <c r="B10" s="842" t="s">
        <v>5</v>
      </c>
      <c r="C10" s="898" t="s">
        <v>622</v>
      </c>
      <c r="D10" s="899"/>
      <c r="E10" s="897" t="s">
        <v>644</v>
      </c>
      <c r="F10" s="897">
        <v>10</v>
      </c>
      <c r="G10" s="898" t="s">
        <v>634</v>
      </c>
      <c r="H10" s="792" t="s">
        <v>610</v>
      </c>
      <c r="I10" s="961" t="s">
        <v>734</v>
      </c>
      <c r="J10" s="892">
        <v>5.92</v>
      </c>
      <c r="K10" s="919">
        <v>0</v>
      </c>
      <c r="L10" s="1151">
        <v>22950</v>
      </c>
      <c r="M10" s="890">
        <v>14400</v>
      </c>
      <c r="N10" s="889">
        <v>63</v>
      </c>
      <c r="O10" s="845">
        <v>51022240</v>
      </c>
      <c r="P10" s="880">
        <v>0</v>
      </c>
      <c r="Q10" s="843">
        <v>5</v>
      </c>
      <c r="R10" s="842" t="s">
        <v>5</v>
      </c>
      <c r="S10" s="882">
        <v>3020507</v>
      </c>
      <c r="T10" s="1050">
        <v>69.47999999999999</v>
      </c>
      <c r="U10" s="882">
        <v>0</v>
      </c>
      <c r="V10" s="1050">
        <v>0</v>
      </c>
      <c r="W10" s="882">
        <v>942808</v>
      </c>
      <c r="X10" s="1050">
        <v>21.69</v>
      </c>
      <c r="Y10" s="882">
        <v>383914</v>
      </c>
      <c r="Z10" s="1049">
        <v>8.83</v>
      </c>
      <c r="AA10" s="813"/>
      <c r="AB10" s="835">
        <v>4347231</v>
      </c>
      <c r="AC10" s="884">
        <v>299894</v>
      </c>
      <c r="AD10" s="884">
        <v>0</v>
      </c>
      <c r="AE10" s="884">
        <v>56384</v>
      </c>
      <c r="AF10" s="884">
        <v>982381</v>
      </c>
      <c r="AG10" s="917">
        <v>-395340</v>
      </c>
      <c r="AH10" s="880">
        <v>2613232</v>
      </c>
    </row>
    <row r="11" spans="1:34" s="809" customFormat="1" ht="13.5" customHeight="1" x14ac:dyDescent="0.15">
      <c r="A11" s="843">
        <v>6</v>
      </c>
      <c r="B11" s="842" t="s">
        <v>6</v>
      </c>
      <c r="C11" s="898" t="s">
        <v>622</v>
      </c>
      <c r="D11" s="899"/>
      <c r="E11" s="897" t="s">
        <v>644</v>
      </c>
      <c r="F11" s="897">
        <v>10</v>
      </c>
      <c r="G11" s="898" t="s">
        <v>634</v>
      </c>
      <c r="H11" s="1155" t="s">
        <v>610</v>
      </c>
      <c r="I11" s="961" t="s">
        <v>734</v>
      </c>
      <c r="J11" s="892">
        <v>5.73</v>
      </c>
      <c r="K11" s="919">
        <v>0</v>
      </c>
      <c r="L11" s="1151">
        <v>23640</v>
      </c>
      <c r="M11" s="890">
        <v>16440</v>
      </c>
      <c r="N11" s="889">
        <v>63</v>
      </c>
      <c r="O11" s="845">
        <v>74899630</v>
      </c>
      <c r="P11" s="880">
        <v>0</v>
      </c>
      <c r="Q11" s="843">
        <v>6</v>
      </c>
      <c r="R11" s="842" t="s">
        <v>6</v>
      </c>
      <c r="S11" s="882">
        <v>4291730</v>
      </c>
      <c r="T11" s="1050">
        <v>60.13</v>
      </c>
      <c r="U11" s="882">
        <v>0</v>
      </c>
      <c r="V11" s="1050">
        <v>0</v>
      </c>
      <c r="W11" s="882">
        <v>1981765</v>
      </c>
      <c r="X11" s="1050">
        <v>27.77</v>
      </c>
      <c r="Y11" s="882">
        <v>863334</v>
      </c>
      <c r="Z11" s="1049">
        <v>12.1</v>
      </c>
      <c r="AA11" s="813"/>
      <c r="AB11" s="835">
        <v>7136829</v>
      </c>
      <c r="AC11" s="884">
        <v>685622</v>
      </c>
      <c r="AD11" s="884">
        <v>145180</v>
      </c>
      <c r="AE11" s="884">
        <v>9240</v>
      </c>
      <c r="AF11" s="884">
        <v>755213</v>
      </c>
      <c r="AG11" s="917">
        <v>69622</v>
      </c>
      <c r="AH11" s="880">
        <v>5611196</v>
      </c>
    </row>
    <row r="12" spans="1:34" s="809" customFormat="1" ht="13.5" customHeight="1" x14ac:dyDescent="0.15">
      <c r="A12" s="843">
        <v>7</v>
      </c>
      <c r="B12" s="842" t="s">
        <v>7</v>
      </c>
      <c r="C12" s="898" t="s">
        <v>622</v>
      </c>
      <c r="D12" s="899"/>
      <c r="E12" s="897">
        <v>3</v>
      </c>
      <c r="F12" s="897">
        <v>10</v>
      </c>
      <c r="G12" s="898" t="s">
        <v>634</v>
      </c>
      <c r="H12" s="1155" t="s">
        <v>610</v>
      </c>
      <c r="I12" s="961" t="s">
        <v>734</v>
      </c>
      <c r="J12" s="892">
        <v>6.78</v>
      </c>
      <c r="K12" s="919">
        <v>0</v>
      </c>
      <c r="L12" s="1151">
        <v>23442</v>
      </c>
      <c r="M12" s="890">
        <v>19238</v>
      </c>
      <c r="N12" s="889">
        <v>63</v>
      </c>
      <c r="O12" s="845">
        <v>33557539</v>
      </c>
      <c r="P12" s="880">
        <v>0</v>
      </c>
      <c r="Q12" s="843">
        <v>7</v>
      </c>
      <c r="R12" s="842" t="s">
        <v>7</v>
      </c>
      <c r="S12" s="882">
        <v>2292755</v>
      </c>
      <c r="T12" s="1050">
        <v>58.120000000000005</v>
      </c>
      <c r="U12" s="882">
        <v>0</v>
      </c>
      <c r="V12" s="1050">
        <v>0</v>
      </c>
      <c r="W12" s="882">
        <v>1079012</v>
      </c>
      <c r="X12" s="1050">
        <v>27.36</v>
      </c>
      <c r="Y12" s="882">
        <v>572619</v>
      </c>
      <c r="Z12" s="1049">
        <v>14.52</v>
      </c>
      <c r="AA12" s="813"/>
      <c r="AB12" s="835">
        <v>3944386</v>
      </c>
      <c r="AC12" s="884">
        <v>416836</v>
      </c>
      <c r="AD12" s="884">
        <v>54352</v>
      </c>
      <c r="AE12" s="884">
        <v>4417</v>
      </c>
      <c r="AF12" s="884">
        <v>220605</v>
      </c>
      <c r="AG12" s="917">
        <v>-450451</v>
      </c>
      <c r="AH12" s="880">
        <v>2797725</v>
      </c>
    </row>
    <row r="13" spans="1:34" s="809" customFormat="1" ht="13.5" customHeight="1" x14ac:dyDescent="0.15">
      <c r="A13" s="843">
        <v>8</v>
      </c>
      <c r="B13" s="842" t="s">
        <v>8</v>
      </c>
      <c r="C13" s="898" t="s">
        <v>622</v>
      </c>
      <c r="D13" s="899"/>
      <c r="E13" s="897">
        <v>3</v>
      </c>
      <c r="F13" s="897">
        <v>9</v>
      </c>
      <c r="G13" s="898" t="s">
        <v>645</v>
      </c>
      <c r="H13" s="792" t="s">
        <v>622</v>
      </c>
      <c r="I13" s="961" t="s">
        <v>734</v>
      </c>
      <c r="J13" s="892">
        <v>6.21</v>
      </c>
      <c r="K13" s="919">
        <v>0</v>
      </c>
      <c r="L13" s="1151">
        <v>18700</v>
      </c>
      <c r="M13" s="890">
        <v>24500</v>
      </c>
      <c r="N13" s="889">
        <v>63</v>
      </c>
      <c r="O13" s="845">
        <v>42755436</v>
      </c>
      <c r="P13" s="880">
        <v>0</v>
      </c>
      <c r="Q13" s="843">
        <v>8</v>
      </c>
      <c r="R13" s="842" t="s">
        <v>8</v>
      </c>
      <c r="S13" s="882">
        <v>2655113</v>
      </c>
      <c r="T13" s="1050">
        <v>60.94</v>
      </c>
      <c r="U13" s="882">
        <v>0</v>
      </c>
      <c r="V13" s="1050">
        <v>0</v>
      </c>
      <c r="W13" s="882">
        <v>937207</v>
      </c>
      <c r="X13" s="1050">
        <v>21.51</v>
      </c>
      <c r="Y13" s="882">
        <v>764859</v>
      </c>
      <c r="Z13" s="1049">
        <v>17.55</v>
      </c>
      <c r="AA13" s="813"/>
      <c r="AB13" s="835">
        <v>4357179</v>
      </c>
      <c r="AC13" s="884">
        <v>412714</v>
      </c>
      <c r="AD13" s="884">
        <v>73230</v>
      </c>
      <c r="AE13" s="884">
        <v>7860</v>
      </c>
      <c r="AF13" s="884">
        <v>455759</v>
      </c>
      <c r="AG13" s="917">
        <v>-13762</v>
      </c>
      <c r="AH13" s="880">
        <v>3393854</v>
      </c>
    </row>
    <row r="14" spans="1:34" s="809" customFormat="1" ht="13.5" customHeight="1" x14ac:dyDescent="0.15">
      <c r="A14" s="843">
        <v>9</v>
      </c>
      <c r="B14" s="842" t="s">
        <v>9</v>
      </c>
      <c r="C14" s="898" t="s">
        <v>622</v>
      </c>
      <c r="D14" s="899"/>
      <c r="E14" s="897" t="s">
        <v>644</v>
      </c>
      <c r="F14" s="897">
        <v>10</v>
      </c>
      <c r="G14" s="898" t="s">
        <v>634</v>
      </c>
      <c r="H14" s="792" t="s">
        <v>622</v>
      </c>
      <c r="I14" s="961" t="s">
        <v>734</v>
      </c>
      <c r="J14" s="892">
        <v>5.75</v>
      </c>
      <c r="K14" s="919">
        <v>0</v>
      </c>
      <c r="L14" s="1151">
        <v>20200</v>
      </c>
      <c r="M14" s="890">
        <v>16400</v>
      </c>
      <c r="N14" s="889">
        <v>63</v>
      </c>
      <c r="O14" s="845">
        <v>13354826</v>
      </c>
      <c r="P14" s="880">
        <v>0</v>
      </c>
      <c r="Q14" s="843">
        <v>9</v>
      </c>
      <c r="R14" s="842" t="s">
        <v>9</v>
      </c>
      <c r="S14" s="882">
        <v>767870</v>
      </c>
      <c r="T14" s="1050">
        <v>63.35</v>
      </c>
      <c r="U14" s="882">
        <v>0</v>
      </c>
      <c r="V14" s="1050">
        <v>0</v>
      </c>
      <c r="W14" s="882">
        <v>294148</v>
      </c>
      <c r="X14" s="1050">
        <v>24.27</v>
      </c>
      <c r="Y14" s="882">
        <v>150001</v>
      </c>
      <c r="Z14" s="1049">
        <v>12.38</v>
      </c>
      <c r="AA14" s="813"/>
      <c r="AB14" s="835">
        <v>1212019</v>
      </c>
      <c r="AC14" s="884">
        <v>93514</v>
      </c>
      <c r="AD14" s="884">
        <v>23464</v>
      </c>
      <c r="AE14" s="884">
        <v>1602</v>
      </c>
      <c r="AF14" s="884">
        <v>103590</v>
      </c>
      <c r="AG14" s="917">
        <v>-162240</v>
      </c>
      <c r="AH14" s="880">
        <v>827609</v>
      </c>
    </row>
    <row r="15" spans="1:34" s="809" customFormat="1" ht="13.5" customHeight="1" x14ac:dyDescent="0.15">
      <c r="A15" s="843">
        <v>10</v>
      </c>
      <c r="B15" s="842" t="s">
        <v>10</v>
      </c>
      <c r="C15" s="899"/>
      <c r="D15" s="898" t="s">
        <v>622</v>
      </c>
      <c r="E15" s="897">
        <v>3</v>
      </c>
      <c r="F15" s="897">
        <v>10</v>
      </c>
      <c r="G15" s="898" t="s">
        <v>634</v>
      </c>
      <c r="H15" s="792" t="s">
        <v>622</v>
      </c>
      <c r="I15" s="961" t="s">
        <v>734</v>
      </c>
      <c r="J15" s="892">
        <v>5.65</v>
      </c>
      <c r="K15" s="919">
        <v>0</v>
      </c>
      <c r="L15" s="1151">
        <v>24500</v>
      </c>
      <c r="M15" s="890">
        <v>17600</v>
      </c>
      <c r="N15" s="889">
        <v>63</v>
      </c>
      <c r="O15" s="845">
        <v>123413619</v>
      </c>
      <c r="P15" s="880">
        <v>0</v>
      </c>
      <c r="Q15" s="843">
        <v>10</v>
      </c>
      <c r="R15" s="842" t="s">
        <v>10</v>
      </c>
      <c r="S15" s="882">
        <v>6972841</v>
      </c>
      <c r="T15" s="1050">
        <v>56.15</v>
      </c>
      <c r="U15" s="882">
        <v>0</v>
      </c>
      <c r="V15" s="1050">
        <v>0</v>
      </c>
      <c r="W15" s="882">
        <v>3719639</v>
      </c>
      <c r="X15" s="1050">
        <v>29.95</v>
      </c>
      <c r="Y15" s="882">
        <v>1725737</v>
      </c>
      <c r="Z15" s="1049">
        <v>13.9</v>
      </c>
      <c r="AA15" s="813"/>
      <c r="AB15" s="835">
        <v>12418217</v>
      </c>
      <c r="AC15" s="884">
        <v>1282247</v>
      </c>
      <c r="AD15" s="884">
        <v>96927</v>
      </c>
      <c r="AE15" s="884">
        <v>27762</v>
      </c>
      <c r="AF15" s="884">
        <v>812561</v>
      </c>
      <c r="AG15" s="917">
        <v>-86484</v>
      </c>
      <c r="AH15" s="880">
        <v>10112236</v>
      </c>
    </row>
    <row r="16" spans="1:34" s="809" customFormat="1" ht="13.5" customHeight="1" x14ac:dyDescent="0.15">
      <c r="A16" s="843">
        <v>11</v>
      </c>
      <c r="B16" s="842" t="s">
        <v>11</v>
      </c>
      <c r="C16" s="899"/>
      <c r="D16" s="898" t="s">
        <v>622</v>
      </c>
      <c r="E16" s="897">
        <v>3</v>
      </c>
      <c r="F16" s="897">
        <v>10</v>
      </c>
      <c r="G16" s="898" t="s">
        <v>634</v>
      </c>
      <c r="H16" s="792" t="s">
        <v>622</v>
      </c>
      <c r="I16" s="961" t="s">
        <v>734</v>
      </c>
      <c r="J16" s="892">
        <v>5.81</v>
      </c>
      <c r="K16" s="919">
        <v>0</v>
      </c>
      <c r="L16" s="1151">
        <v>28400</v>
      </c>
      <c r="M16" s="890">
        <v>12600</v>
      </c>
      <c r="N16" s="889">
        <v>63</v>
      </c>
      <c r="O16" s="845">
        <v>8626572</v>
      </c>
      <c r="P16" s="880">
        <v>0</v>
      </c>
      <c r="Q16" s="843">
        <v>11</v>
      </c>
      <c r="R16" s="842" t="s">
        <v>11</v>
      </c>
      <c r="S16" s="882">
        <v>501201</v>
      </c>
      <c r="T16" s="1050">
        <v>52.53</v>
      </c>
      <c r="U16" s="882">
        <v>0</v>
      </c>
      <c r="V16" s="1050">
        <v>0</v>
      </c>
      <c r="W16" s="882">
        <v>361731</v>
      </c>
      <c r="X16" s="1050">
        <v>37.909999999999997</v>
      </c>
      <c r="Y16" s="882">
        <v>91221</v>
      </c>
      <c r="Z16" s="1049">
        <v>9.56</v>
      </c>
      <c r="AA16" s="813"/>
      <c r="AB16" s="835">
        <v>954153</v>
      </c>
      <c r="AC16" s="884">
        <v>109770</v>
      </c>
      <c r="AD16" s="884">
        <v>0</v>
      </c>
      <c r="AE16" s="884">
        <v>12965</v>
      </c>
      <c r="AF16" s="884">
        <v>30657</v>
      </c>
      <c r="AG16" s="917">
        <v>-7655</v>
      </c>
      <c r="AH16" s="880">
        <v>793106</v>
      </c>
    </row>
    <row r="17" spans="1:34" s="809" customFormat="1" ht="13.5" customHeight="1" x14ac:dyDescent="0.15">
      <c r="A17" s="843">
        <v>12</v>
      </c>
      <c r="B17" s="842" t="s">
        <v>12</v>
      </c>
      <c r="C17" s="899"/>
      <c r="D17" s="898" t="s">
        <v>622</v>
      </c>
      <c r="E17" s="897">
        <v>3</v>
      </c>
      <c r="F17" s="897">
        <v>10</v>
      </c>
      <c r="G17" s="898" t="s">
        <v>634</v>
      </c>
      <c r="H17" s="792" t="s">
        <v>622</v>
      </c>
      <c r="I17" s="791" t="s">
        <v>734</v>
      </c>
      <c r="J17" s="892">
        <v>5.89</v>
      </c>
      <c r="K17" s="919">
        <v>0</v>
      </c>
      <c r="L17" s="1151">
        <v>19700</v>
      </c>
      <c r="M17" s="890">
        <v>21400</v>
      </c>
      <c r="N17" s="889">
        <v>63</v>
      </c>
      <c r="O17" s="845">
        <v>30914090</v>
      </c>
      <c r="P17" s="880">
        <v>0</v>
      </c>
      <c r="Q17" s="843">
        <v>12</v>
      </c>
      <c r="R17" s="842" t="s">
        <v>12</v>
      </c>
      <c r="S17" s="882">
        <v>1820831</v>
      </c>
      <c r="T17" s="1050">
        <v>56.480000000000004</v>
      </c>
      <c r="U17" s="882">
        <v>0</v>
      </c>
      <c r="V17" s="1050">
        <v>0</v>
      </c>
      <c r="W17" s="882">
        <v>832148</v>
      </c>
      <c r="X17" s="1050">
        <v>25.81</v>
      </c>
      <c r="Y17" s="882">
        <v>571054</v>
      </c>
      <c r="Z17" s="1049">
        <v>17.71</v>
      </c>
      <c r="AA17" s="813"/>
      <c r="AB17" s="835">
        <v>3224032</v>
      </c>
      <c r="AC17" s="884">
        <v>331792</v>
      </c>
      <c r="AD17" s="884">
        <v>24190</v>
      </c>
      <c r="AE17" s="884">
        <v>2672</v>
      </c>
      <c r="AF17" s="884">
        <v>176600</v>
      </c>
      <c r="AG17" s="917">
        <v>-332805</v>
      </c>
      <c r="AH17" s="880">
        <v>2355973</v>
      </c>
    </row>
    <row r="18" spans="1:34" s="809" customFormat="1" ht="13.5" customHeight="1" x14ac:dyDescent="0.15">
      <c r="A18" s="843">
        <v>13</v>
      </c>
      <c r="B18" s="842" t="s">
        <v>13</v>
      </c>
      <c r="C18" s="898" t="s">
        <v>622</v>
      </c>
      <c r="D18" s="899"/>
      <c r="E18" s="897">
        <v>3</v>
      </c>
      <c r="F18" s="897">
        <v>10</v>
      </c>
      <c r="G18" s="898" t="s">
        <v>634</v>
      </c>
      <c r="H18" s="792" t="s">
        <v>622</v>
      </c>
      <c r="I18" s="961" t="s">
        <v>734</v>
      </c>
      <c r="J18" s="892">
        <v>5.92</v>
      </c>
      <c r="K18" s="919">
        <v>0</v>
      </c>
      <c r="L18" s="1151">
        <v>22326</v>
      </c>
      <c r="M18" s="890">
        <v>22013</v>
      </c>
      <c r="N18" s="889">
        <v>63</v>
      </c>
      <c r="O18" s="845">
        <v>38825973</v>
      </c>
      <c r="P18" s="880">
        <v>0</v>
      </c>
      <c r="Q18" s="843">
        <v>13</v>
      </c>
      <c r="R18" s="842" t="s">
        <v>13</v>
      </c>
      <c r="S18" s="882">
        <v>2246422</v>
      </c>
      <c r="T18" s="1050">
        <v>56.34</v>
      </c>
      <c r="U18" s="882">
        <v>0</v>
      </c>
      <c r="V18" s="1050">
        <v>0</v>
      </c>
      <c r="W18" s="882">
        <v>1083785</v>
      </c>
      <c r="X18" s="1050">
        <v>27.18</v>
      </c>
      <c r="Y18" s="882">
        <v>657226</v>
      </c>
      <c r="Z18" s="1049">
        <v>16.48</v>
      </c>
      <c r="AA18" s="813"/>
      <c r="AB18" s="835">
        <v>3987433</v>
      </c>
      <c r="AC18" s="884">
        <v>382862</v>
      </c>
      <c r="AD18" s="884">
        <v>47234</v>
      </c>
      <c r="AE18" s="884">
        <v>3726</v>
      </c>
      <c r="AF18" s="884">
        <v>285028</v>
      </c>
      <c r="AG18" s="917">
        <v>79864</v>
      </c>
      <c r="AH18" s="880">
        <v>3348447</v>
      </c>
    </row>
    <row r="19" spans="1:34" s="809" customFormat="1" ht="13.5" customHeight="1" x14ac:dyDescent="0.15">
      <c r="A19" s="843">
        <v>14</v>
      </c>
      <c r="B19" s="842" t="s">
        <v>14</v>
      </c>
      <c r="C19" s="899"/>
      <c r="D19" s="898" t="s">
        <v>622</v>
      </c>
      <c r="E19" s="897">
        <v>3</v>
      </c>
      <c r="F19" s="897">
        <v>10</v>
      </c>
      <c r="G19" s="898" t="s">
        <v>634</v>
      </c>
      <c r="H19" s="792" t="s">
        <v>622</v>
      </c>
      <c r="I19" s="961" t="s">
        <v>734</v>
      </c>
      <c r="J19" s="892">
        <v>5.95</v>
      </c>
      <c r="K19" s="919">
        <v>0</v>
      </c>
      <c r="L19" s="1151">
        <v>19200</v>
      </c>
      <c r="M19" s="890">
        <v>19800</v>
      </c>
      <c r="N19" s="889">
        <v>63</v>
      </c>
      <c r="O19" s="845">
        <v>42325177</v>
      </c>
      <c r="P19" s="880">
        <v>0</v>
      </c>
      <c r="Q19" s="843">
        <v>14</v>
      </c>
      <c r="R19" s="842" t="s">
        <v>14</v>
      </c>
      <c r="S19" s="882">
        <v>2518338</v>
      </c>
      <c r="T19" s="1050">
        <v>61.23</v>
      </c>
      <c r="U19" s="882">
        <v>0</v>
      </c>
      <c r="V19" s="1050">
        <v>0</v>
      </c>
      <c r="W19" s="882">
        <v>961958</v>
      </c>
      <c r="X19" s="1050">
        <v>23.39</v>
      </c>
      <c r="Y19" s="882">
        <v>632679</v>
      </c>
      <c r="Z19" s="1049">
        <v>15.38</v>
      </c>
      <c r="AA19" s="813"/>
      <c r="AB19" s="835">
        <v>4112975</v>
      </c>
      <c r="AC19" s="884">
        <v>392844</v>
      </c>
      <c r="AD19" s="884">
        <v>44821</v>
      </c>
      <c r="AE19" s="884">
        <v>2742</v>
      </c>
      <c r="AF19" s="884">
        <v>420157</v>
      </c>
      <c r="AG19" s="917">
        <v>-296</v>
      </c>
      <c r="AH19" s="880">
        <v>3252115</v>
      </c>
    </row>
    <row r="20" spans="1:34" s="809" customFormat="1" ht="13.5" customHeight="1" x14ac:dyDescent="0.15">
      <c r="A20" s="843">
        <v>15</v>
      </c>
      <c r="B20" s="842" t="s">
        <v>15</v>
      </c>
      <c r="C20" s="899"/>
      <c r="D20" s="898" t="s">
        <v>622</v>
      </c>
      <c r="E20" s="897">
        <v>3</v>
      </c>
      <c r="F20" s="897">
        <v>12</v>
      </c>
      <c r="G20" s="898" t="s">
        <v>635</v>
      </c>
      <c r="H20" s="792" t="s">
        <v>622</v>
      </c>
      <c r="I20" s="961" t="s">
        <v>734</v>
      </c>
      <c r="J20" s="892">
        <v>5.32</v>
      </c>
      <c r="K20" s="919">
        <v>0</v>
      </c>
      <c r="L20" s="1151">
        <v>21000</v>
      </c>
      <c r="M20" s="890">
        <v>20800</v>
      </c>
      <c r="N20" s="889">
        <v>63</v>
      </c>
      <c r="O20" s="845">
        <v>16970589</v>
      </c>
      <c r="P20" s="880">
        <v>0</v>
      </c>
      <c r="Q20" s="922">
        <v>15</v>
      </c>
      <c r="R20" s="842" t="s">
        <v>15</v>
      </c>
      <c r="S20" s="882">
        <v>902835</v>
      </c>
      <c r="T20" s="1050">
        <v>56.6</v>
      </c>
      <c r="U20" s="882">
        <v>0</v>
      </c>
      <c r="V20" s="1050">
        <v>0</v>
      </c>
      <c r="W20" s="882">
        <v>432138</v>
      </c>
      <c r="X20" s="1050">
        <v>27.09</v>
      </c>
      <c r="Y20" s="882">
        <v>260208</v>
      </c>
      <c r="Z20" s="1049">
        <v>16.309999999999999</v>
      </c>
      <c r="AA20" s="813"/>
      <c r="AB20" s="835">
        <v>1595181</v>
      </c>
      <c r="AC20" s="884">
        <v>162051</v>
      </c>
      <c r="AD20" s="884">
        <v>6139</v>
      </c>
      <c r="AE20" s="884">
        <v>1840</v>
      </c>
      <c r="AF20" s="884">
        <v>95747</v>
      </c>
      <c r="AG20" s="917">
        <v>-5601</v>
      </c>
      <c r="AH20" s="880">
        <v>1323803</v>
      </c>
    </row>
    <row r="21" spans="1:34" s="809" customFormat="1" ht="13.5" customHeight="1" x14ac:dyDescent="0.15">
      <c r="A21" s="922">
        <v>16</v>
      </c>
      <c r="B21" s="842" t="s">
        <v>16</v>
      </c>
      <c r="C21" s="899"/>
      <c r="D21" s="898" t="s">
        <v>622</v>
      </c>
      <c r="E21" s="897">
        <v>3</v>
      </c>
      <c r="F21" s="897">
        <v>10</v>
      </c>
      <c r="G21" s="898" t="s">
        <v>634</v>
      </c>
      <c r="H21" s="792" t="s">
        <v>622</v>
      </c>
      <c r="I21" s="791" t="s">
        <v>734</v>
      </c>
      <c r="J21" s="892">
        <v>5.5</v>
      </c>
      <c r="K21" s="919">
        <v>0</v>
      </c>
      <c r="L21" s="1151">
        <v>23700</v>
      </c>
      <c r="M21" s="890">
        <v>18600</v>
      </c>
      <c r="N21" s="889">
        <v>63</v>
      </c>
      <c r="O21" s="845">
        <v>23050991</v>
      </c>
      <c r="P21" s="880">
        <v>0</v>
      </c>
      <c r="Q21" s="922">
        <v>16</v>
      </c>
      <c r="R21" s="842" t="s">
        <v>16</v>
      </c>
      <c r="S21" s="882">
        <v>1267800</v>
      </c>
      <c r="T21" s="1050">
        <v>56.81</v>
      </c>
      <c r="U21" s="882">
        <v>0</v>
      </c>
      <c r="V21" s="1050">
        <v>0</v>
      </c>
      <c r="W21" s="882">
        <v>651252</v>
      </c>
      <c r="X21" s="1050">
        <v>29.18</v>
      </c>
      <c r="Y21" s="882">
        <v>312624</v>
      </c>
      <c r="Z21" s="1049">
        <v>14.01</v>
      </c>
      <c r="AA21" s="813"/>
      <c r="AB21" s="835">
        <v>2231676</v>
      </c>
      <c r="AC21" s="884">
        <v>227950</v>
      </c>
      <c r="AD21" s="884">
        <v>13384</v>
      </c>
      <c r="AE21" s="884">
        <v>4339</v>
      </c>
      <c r="AF21" s="884">
        <v>167681</v>
      </c>
      <c r="AG21" s="917">
        <v>4359</v>
      </c>
      <c r="AH21" s="880">
        <v>1822681</v>
      </c>
    </row>
    <row r="22" spans="1:34" s="809" customFormat="1" ht="13.5" customHeight="1" x14ac:dyDescent="0.15">
      <c r="A22" s="922">
        <v>17</v>
      </c>
      <c r="B22" s="949" t="s">
        <v>17</v>
      </c>
      <c r="C22" s="960"/>
      <c r="D22" s="956" t="s">
        <v>622</v>
      </c>
      <c r="E22" s="959">
        <v>3</v>
      </c>
      <c r="F22" s="959">
        <v>10</v>
      </c>
      <c r="G22" s="956" t="s">
        <v>634</v>
      </c>
      <c r="H22" s="983" t="s">
        <v>622</v>
      </c>
      <c r="I22" s="954" t="s">
        <v>734</v>
      </c>
      <c r="J22" s="953">
        <v>5.9</v>
      </c>
      <c r="K22" s="919">
        <v>0</v>
      </c>
      <c r="L22" s="1154">
        <v>22200</v>
      </c>
      <c r="M22" s="952">
        <v>19800</v>
      </c>
      <c r="N22" s="889">
        <v>63</v>
      </c>
      <c r="O22" s="840">
        <v>30857949</v>
      </c>
      <c r="P22" s="942">
        <v>0</v>
      </c>
      <c r="Q22" s="922">
        <v>17</v>
      </c>
      <c r="R22" s="949" t="s">
        <v>17</v>
      </c>
      <c r="S22" s="1023">
        <v>1491536</v>
      </c>
      <c r="T22" s="1068">
        <v>56.62</v>
      </c>
      <c r="U22" s="1075">
        <v>0</v>
      </c>
      <c r="V22" s="1068">
        <v>0</v>
      </c>
      <c r="W22" s="1075">
        <v>727050</v>
      </c>
      <c r="X22" s="1068">
        <v>27.6</v>
      </c>
      <c r="Y22" s="1075">
        <v>415760</v>
      </c>
      <c r="Z22" s="1067">
        <v>15.78</v>
      </c>
      <c r="AA22" s="813"/>
      <c r="AB22" s="835">
        <v>2634347</v>
      </c>
      <c r="AC22" s="837">
        <v>268663</v>
      </c>
      <c r="AD22" s="837">
        <v>30087</v>
      </c>
      <c r="AE22" s="837">
        <v>2221</v>
      </c>
      <c r="AF22" s="837">
        <v>141689</v>
      </c>
      <c r="AG22" s="943">
        <v>-345919</v>
      </c>
      <c r="AH22" s="942">
        <v>1845768</v>
      </c>
    </row>
    <row r="23" spans="1:34" s="809" customFormat="1" ht="13.5" customHeight="1" x14ac:dyDescent="0.15">
      <c r="A23" s="922">
        <v>18</v>
      </c>
      <c r="B23" s="934" t="s">
        <v>18</v>
      </c>
      <c r="C23" s="898"/>
      <c r="D23" s="1053" t="s">
        <v>622</v>
      </c>
      <c r="E23" s="897">
        <v>3</v>
      </c>
      <c r="F23" s="897">
        <v>10</v>
      </c>
      <c r="G23" s="898" t="s">
        <v>634</v>
      </c>
      <c r="H23" s="936" t="s">
        <v>622</v>
      </c>
      <c r="I23" s="1152" t="s">
        <v>734</v>
      </c>
      <c r="J23" s="892">
        <v>5.82</v>
      </c>
      <c r="K23" s="919">
        <v>0</v>
      </c>
      <c r="L23" s="890">
        <v>25310</v>
      </c>
      <c r="M23" s="890">
        <v>28540</v>
      </c>
      <c r="N23" s="889">
        <v>63</v>
      </c>
      <c r="O23" s="834">
        <v>5932972</v>
      </c>
      <c r="P23" s="929">
        <v>0</v>
      </c>
      <c r="Q23" s="922">
        <v>18</v>
      </c>
      <c r="R23" s="934" t="s">
        <v>18</v>
      </c>
      <c r="S23" s="834">
        <v>337549</v>
      </c>
      <c r="T23" s="1064">
        <v>46.65</v>
      </c>
      <c r="U23" s="834">
        <v>0</v>
      </c>
      <c r="V23" s="1064">
        <v>0</v>
      </c>
      <c r="W23" s="834">
        <v>223816</v>
      </c>
      <c r="X23" s="1064">
        <v>30.94</v>
      </c>
      <c r="Y23" s="834">
        <v>162107</v>
      </c>
      <c r="Z23" s="1063">
        <v>22.41</v>
      </c>
      <c r="AA23" s="931"/>
      <c r="AB23" s="835">
        <v>723472</v>
      </c>
      <c r="AC23" s="834">
        <v>82270</v>
      </c>
      <c r="AD23" s="834">
        <v>0</v>
      </c>
      <c r="AE23" s="834">
        <v>7527</v>
      </c>
      <c r="AF23" s="834">
        <v>16099</v>
      </c>
      <c r="AG23" s="930">
        <v>459</v>
      </c>
      <c r="AH23" s="929">
        <v>618035</v>
      </c>
    </row>
    <row r="24" spans="1:34" s="809" customFormat="1" ht="13.5" customHeight="1" x14ac:dyDescent="0.15">
      <c r="A24" s="922">
        <v>19</v>
      </c>
      <c r="B24" s="934" t="s">
        <v>20</v>
      </c>
      <c r="C24" s="898" t="s">
        <v>622</v>
      </c>
      <c r="D24" s="899"/>
      <c r="E24" s="897">
        <v>3</v>
      </c>
      <c r="F24" s="897">
        <v>10</v>
      </c>
      <c r="G24" s="898" t="s">
        <v>634</v>
      </c>
      <c r="H24" s="1153" t="s">
        <v>703</v>
      </c>
      <c r="I24" s="1152" t="s">
        <v>39</v>
      </c>
      <c r="J24" s="892">
        <v>4.9000000000000004</v>
      </c>
      <c r="K24" s="919">
        <v>0</v>
      </c>
      <c r="L24" s="890">
        <v>19000</v>
      </c>
      <c r="M24" s="890">
        <v>17500</v>
      </c>
      <c r="N24" s="889">
        <v>63</v>
      </c>
      <c r="O24" s="834">
        <v>7886126</v>
      </c>
      <c r="P24" s="929">
        <v>0</v>
      </c>
      <c r="Q24" s="922">
        <v>19</v>
      </c>
      <c r="R24" s="934" t="s">
        <v>20</v>
      </c>
      <c r="S24" s="834">
        <v>386418</v>
      </c>
      <c r="T24" s="1064">
        <v>62.59</v>
      </c>
      <c r="U24" s="834">
        <v>0</v>
      </c>
      <c r="V24" s="1064">
        <v>0</v>
      </c>
      <c r="W24" s="834">
        <v>150081</v>
      </c>
      <c r="X24" s="1064">
        <v>24.31</v>
      </c>
      <c r="Y24" s="834">
        <v>80868</v>
      </c>
      <c r="Z24" s="1063">
        <v>13.1</v>
      </c>
      <c r="AA24" s="931"/>
      <c r="AB24" s="835">
        <v>617367</v>
      </c>
      <c r="AC24" s="834">
        <v>54727</v>
      </c>
      <c r="AD24" s="834">
        <v>19837</v>
      </c>
      <c r="AE24" s="834">
        <v>1623</v>
      </c>
      <c r="AF24" s="834">
        <v>79323</v>
      </c>
      <c r="AG24" s="930">
        <v>-2937</v>
      </c>
      <c r="AH24" s="929">
        <v>458920</v>
      </c>
    </row>
    <row r="25" spans="1:34" s="809" customFormat="1" ht="13.5" customHeight="1" x14ac:dyDescent="0.15">
      <c r="A25" s="922">
        <v>20</v>
      </c>
      <c r="B25" s="934" t="s">
        <v>21</v>
      </c>
      <c r="C25" s="898" t="s">
        <v>622</v>
      </c>
      <c r="D25" s="899"/>
      <c r="E25" s="897">
        <v>3</v>
      </c>
      <c r="F25" s="897">
        <v>10</v>
      </c>
      <c r="G25" s="898" t="s">
        <v>634</v>
      </c>
      <c r="H25" s="936" t="s">
        <v>622</v>
      </c>
      <c r="I25" s="1152" t="s">
        <v>735</v>
      </c>
      <c r="J25" s="892">
        <v>5.2</v>
      </c>
      <c r="K25" s="919">
        <v>0</v>
      </c>
      <c r="L25" s="890">
        <v>22000</v>
      </c>
      <c r="M25" s="890">
        <v>20700</v>
      </c>
      <c r="N25" s="889">
        <v>63</v>
      </c>
      <c r="O25" s="834">
        <v>8034172</v>
      </c>
      <c r="P25" s="929">
        <v>0</v>
      </c>
      <c r="Q25" s="922">
        <v>20</v>
      </c>
      <c r="R25" s="934" t="s">
        <v>21</v>
      </c>
      <c r="S25" s="834">
        <v>417774</v>
      </c>
      <c r="T25" s="1064">
        <v>53.2</v>
      </c>
      <c r="U25" s="834">
        <v>0</v>
      </c>
      <c r="V25" s="1064">
        <v>0</v>
      </c>
      <c r="W25" s="834">
        <v>236082</v>
      </c>
      <c r="X25" s="1064">
        <v>30.06</v>
      </c>
      <c r="Y25" s="834">
        <v>131466</v>
      </c>
      <c r="Z25" s="1063">
        <v>16.739999999999998</v>
      </c>
      <c r="AA25" s="931"/>
      <c r="AB25" s="835">
        <v>785322</v>
      </c>
      <c r="AC25" s="834">
        <v>87526</v>
      </c>
      <c r="AD25" s="834">
        <v>4668</v>
      </c>
      <c r="AE25" s="834">
        <v>708</v>
      </c>
      <c r="AF25" s="834">
        <v>30643</v>
      </c>
      <c r="AG25" s="930">
        <v>-8503</v>
      </c>
      <c r="AH25" s="929">
        <v>653274</v>
      </c>
    </row>
    <row r="26" spans="1:34" s="809" customFormat="1" ht="13.5" customHeight="1" x14ac:dyDescent="0.15">
      <c r="A26" s="922">
        <v>21</v>
      </c>
      <c r="B26" s="934" t="s">
        <v>19</v>
      </c>
      <c r="C26" s="899"/>
      <c r="D26" s="898" t="s">
        <v>622</v>
      </c>
      <c r="E26" s="897">
        <v>3</v>
      </c>
      <c r="F26" s="897">
        <v>10</v>
      </c>
      <c r="G26" s="898" t="s">
        <v>634</v>
      </c>
      <c r="H26" s="936" t="s">
        <v>622</v>
      </c>
      <c r="I26" s="961" t="s">
        <v>734</v>
      </c>
      <c r="J26" s="892">
        <v>5.6</v>
      </c>
      <c r="K26" s="919">
        <v>0</v>
      </c>
      <c r="L26" s="890">
        <v>16800</v>
      </c>
      <c r="M26" s="890">
        <v>19200</v>
      </c>
      <c r="N26" s="889">
        <v>63</v>
      </c>
      <c r="O26" s="834">
        <v>13781666</v>
      </c>
      <c r="P26" s="929">
        <v>0</v>
      </c>
      <c r="Q26" s="922">
        <v>21</v>
      </c>
      <c r="R26" s="934" t="s">
        <v>19</v>
      </c>
      <c r="S26" s="834">
        <v>781586</v>
      </c>
      <c r="T26" s="1064">
        <v>58.379999999999995</v>
      </c>
      <c r="U26" s="834">
        <v>0</v>
      </c>
      <c r="V26" s="1064">
        <v>0</v>
      </c>
      <c r="W26" s="834">
        <v>331498</v>
      </c>
      <c r="X26" s="1064">
        <v>24.76</v>
      </c>
      <c r="Y26" s="834">
        <v>225710</v>
      </c>
      <c r="Z26" s="1063">
        <v>16.86</v>
      </c>
      <c r="AA26" s="931"/>
      <c r="AB26" s="835">
        <v>1338794</v>
      </c>
      <c r="AC26" s="834">
        <v>115833</v>
      </c>
      <c r="AD26" s="834">
        <v>0</v>
      </c>
      <c r="AE26" s="834">
        <v>23924</v>
      </c>
      <c r="AF26" s="834">
        <v>81921</v>
      </c>
      <c r="AG26" s="930">
        <v>10383</v>
      </c>
      <c r="AH26" s="929">
        <v>1127499</v>
      </c>
    </row>
    <row r="27" spans="1:34" s="809" customFormat="1" ht="13.5" customHeight="1" x14ac:dyDescent="0.15">
      <c r="A27" s="922">
        <v>22</v>
      </c>
      <c r="B27" s="934" t="s">
        <v>22</v>
      </c>
      <c r="C27" s="899"/>
      <c r="D27" s="898" t="s">
        <v>622</v>
      </c>
      <c r="E27" s="897">
        <v>3</v>
      </c>
      <c r="F27" s="897">
        <v>10</v>
      </c>
      <c r="G27" s="898" t="s">
        <v>634</v>
      </c>
      <c r="H27" s="936" t="s">
        <v>622</v>
      </c>
      <c r="I27" s="1152" t="s">
        <v>749</v>
      </c>
      <c r="J27" s="892">
        <v>6.2</v>
      </c>
      <c r="K27" s="919">
        <v>0</v>
      </c>
      <c r="L27" s="890">
        <v>24500</v>
      </c>
      <c r="M27" s="890">
        <v>21000</v>
      </c>
      <c r="N27" s="889">
        <v>61</v>
      </c>
      <c r="O27" s="834">
        <v>6413510</v>
      </c>
      <c r="P27" s="929">
        <v>0</v>
      </c>
      <c r="Q27" s="922">
        <v>22</v>
      </c>
      <c r="R27" s="934" t="s">
        <v>22</v>
      </c>
      <c r="S27" s="834">
        <v>397636</v>
      </c>
      <c r="T27" s="1064">
        <v>58.04</v>
      </c>
      <c r="U27" s="834">
        <v>0</v>
      </c>
      <c r="V27" s="1064">
        <v>0</v>
      </c>
      <c r="W27" s="834">
        <v>188699</v>
      </c>
      <c r="X27" s="1064">
        <v>27.54</v>
      </c>
      <c r="Y27" s="834">
        <v>98763</v>
      </c>
      <c r="Z27" s="1063">
        <v>14.42</v>
      </c>
      <c r="AA27" s="931"/>
      <c r="AB27" s="835">
        <v>685098</v>
      </c>
      <c r="AC27" s="834">
        <v>69042</v>
      </c>
      <c r="AD27" s="834">
        <v>0</v>
      </c>
      <c r="AE27" s="834">
        <v>5904</v>
      </c>
      <c r="AF27" s="834">
        <v>73250</v>
      </c>
      <c r="AG27" s="930">
        <v>1866</v>
      </c>
      <c r="AH27" s="929">
        <v>538768</v>
      </c>
    </row>
    <row r="28" spans="1:34" s="809" customFormat="1" ht="13.5" customHeight="1" x14ac:dyDescent="0.15">
      <c r="A28" s="922">
        <v>23</v>
      </c>
      <c r="B28" s="934" t="s">
        <v>23</v>
      </c>
      <c r="C28" s="899"/>
      <c r="D28" s="898" t="s">
        <v>622</v>
      </c>
      <c r="E28" s="897">
        <v>3</v>
      </c>
      <c r="F28" s="897">
        <v>10</v>
      </c>
      <c r="G28" s="898" t="s">
        <v>751</v>
      </c>
      <c r="H28" s="936" t="s">
        <v>622</v>
      </c>
      <c r="I28" s="961" t="s">
        <v>735</v>
      </c>
      <c r="J28" s="892">
        <v>6.55</v>
      </c>
      <c r="K28" s="919">
        <v>0</v>
      </c>
      <c r="L28" s="890">
        <v>26356</v>
      </c>
      <c r="M28" s="890">
        <v>26681</v>
      </c>
      <c r="N28" s="889">
        <v>63</v>
      </c>
      <c r="O28" s="834">
        <v>4619247</v>
      </c>
      <c r="P28" s="929">
        <v>0</v>
      </c>
      <c r="Q28" s="922">
        <v>23</v>
      </c>
      <c r="R28" s="934" t="s">
        <v>23</v>
      </c>
      <c r="S28" s="834">
        <v>302560</v>
      </c>
      <c r="T28" s="1064">
        <v>52.120000000000005</v>
      </c>
      <c r="U28" s="834">
        <v>0</v>
      </c>
      <c r="V28" s="1064">
        <v>0</v>
      </c>
      <c r="W28" s="834">
        <v>171867</v>
      </c>
      <c r="X28" s="1064">
        <v>29.61</v>
      </c>
      <c r="Y28" s="834">
        <v>106077</v>
      </c>
      <c r="Z28" s="1063">
        <v>18.27</v>
      </c>
      <c r="AA28" s="931"/>
      <c r="AB28" s="835">
        <v>580504</v>
      </c>
      <c r="AC28" s="834">
        <v>63151</v>
      </c>
      <c r="AD28" s="834">
        <v>2937</v>
      </c>
      <c r="AE28" s="834">
        <v>1553</v>
      </c>
      <c r="AF28" s="834">
        <v>28598</v>
      </c>
      <c r="AG28" s="930">
        <v>-6215</v>
      </c>
      <c r="AH28" s="929">
        <v>478050</v>
      </c>
    </row>
    <row r="29" spans="1:34" s="809" customFormat="1" ht="13.5" customHeight="1" x14ac:dyDescent="0.15">
      <c r="A29" s="922">
        <v>24</v>
      </c>
      <c r="B29" s="934" t="s">
        <v>24</v>
      </c>
      <c r="C29" s="899"/>
      <c r="D29" s="898" t="s">
        <v>622</v>
      </c>
      <c r="E29" s="897" t="s">
        <v>637</v>
      </c>
      <c r="F29" s="897">
        <v>6</v>
      </c>
      <c r="G29" s="898" t="s">
        <v>640</v>
      </c>
      <c r="H29" s="936" t="s">
        <v>622</v>
      </c>
      <c r="I29" s="1152" t="s">
        <v>622</v>
      </c>
      <c r="J29" s="892">
        <v>5.67</v>
      </c>
      <c r="K29" s="921">
        <v>9</v>
      </c>
      <c r="L29" s="890">
        <v>21700</v>
      </c>
      <c r="M29" s="890">
        <v>25000</v>
      </c>
      <c r="N29" s="889">
        <v>63</v>
      </c>
      <c r="O29" s="834">
        <v>1725966</v>
      </c>
      <c r="P29" s="929">
        <v>100516</v>
      </c>
      <c r="Q29" s="922">
        <v>24</v>
      </c>
      <c r="R29" s="934" t="s">
        <v>24</v>
      </c>
      <c r="S29" s="834">
        <v>110043</v>
      </c>
      <c r="T29" s="1064">
        <v>51.19</v>
      </c>
      <c r="U29" s="834">
        <v>9530</v>
      </c>
      <c r="V29" s="1064">
        <v>4.43</v>
      </c>
      <c r="W29" s="834">
        <v>56811</v>
      </c>
      <c r="X29" s="1064">
        <v>26.43</v>
      </c>
      <c r="Y29" s="834">
        <v>38600</v>
      </c>
      <c r="Z29" s="1063">
        <v>17.95</v>
      </c>
      <c r="AA29" s="931"/>
      <c r="AB29" s="835">
        <v>214983</v>
      </c>
      <c r="AC29" s="834">
        <v>21263</v>
      </c>
      <c r="AD29" s="834">
        <v>0</v>
      </c>
      <c r="AE29" s="834">
        <v>873</v>
      </c>
      <c r="AF29" s="834">
        <v>5432</v>
      </c>
      <c r="AG29" s="930">
        <v>-18311</v>
      </c>
      <c r="AH29" s="929">
        <v>169104</v>
      </c>
    </row>
    <row r="30" spans="1:34" s="809" customFormat="1" ht="13.5" customHeight="1" x14ac:dyDescent="0.15">
      <c r="A30" s="922">
        <v>25</v>
      </c>
      <c r="B30" s="842" t="s">
        <v>25</v>
      </c>
      <c r="C30" s="909"/>
      <c r="D30" s="905" t="s">
        <v>622</v>
      </c>
      <c r="E30" s="908">
        <v>3</v>
      </c>
      <c r="F30" s="908">
        <v>10</v>
      </c>
      <c r="G30" s="905" t="s">
        <v>639</v>
      </c>
      <c r="H30" s="792" t="s">
        <v>622</v>
      </c>
      <c r="I30" s="791" t="s">
        <v>734</v>
      </c>
      <c r="J30" s="904">
        <v>3.03</v>
      </c>
      <c r="K30" s="919">
        <v>0</v>
      </c>
      <c r="L30" s="902">
        <v>18000</v>
      </c>
      <c r="M30" s="902">
        <v>19500</v>
      </c>
      <c r="N30" s="889">
        <v>63</v>
      </c>
      <c r="O30" s="845">
        <v>2917142</v>
      </c>
      <c r="P30" s="880">
        <v>0</v>
      </c>
      <c r="Q30" s="922">
        <v>25</v>
      </c>
      <c r="R30" s="934" t="s">
        <v>25</v>
      </c>
      <c r="S30" s="834">
        <v>100943</v>
      </c>
      <c r="T30" s="1064">
        <v>43.96</v>
      </c>
      <c r="U30" s="834">
        <v>0</v>
      </c>
      <c r="V30" s="1064">
        <v>0</v>
      </c>
      <c r="W30" s="834">
        <v>77670</v>
      </c>
      <c r="X30" s="1064">
        <v>33.82</v>
      </c>
      <c r="Y30" s="834">
        <v>51036</v>
      </c>
      <c r="Z30" s="1063">
        <v>22.22</v>
      </c>
      <c r="AA30" s="931"/>
      <c r="AB30" s="835">
        <v>229649</v>
      </c>
      <c r="AC30" s="834">
        <v>28532</v>
      </c>
      <c r="AD30" s="834">
        <v>2637</v>
      </c>
      <c r="AE30" s="834">
        <v>4768</v>
      </c>
      <c r="AF30" s="834">
        <v>3857</v>
      </c>
      <c r="AG30" s="930">
        <v>-27790</v>
      </c>
      <c r="AH30" s="929">
        <v>162065</v>
      </c>
    </row>
    <row r="31" spans="1:34" s="809" customFormat="1" ht="13.5" customHeight="1" x14ac:dyDescent="0.15">
      <c r="A31" s="922">
        <v>26</v>
      </c>
      <c r="B31" s="842" t="s">
        <v>26</v>
      </c>
      <c r="C31" s="899"/>
      <c r="D31" s="898" t="s">
        <v>622</v>
      </c>
      <c r="E31" s="897" t="s">
        <v>637</v>
      </c>
      <c r="F31" s="897">
        <v>10</v>
      </c>
      <c r="G31" s="898" t="s">
        <v>638</v>
      </c>
      <c r="H31" s="792" t="s">
        <v>622</v>
      </c>
      <c r="I31" s="791" t="s">
        <v>622</v>
      </c>
      <c r="J31" s="892">
        <v>5.65</v>
      </c>
      <c r="K31" s="921">
        <v>9.24</v>
      </c>
      <c r="L31" s="890">
        <v>27500</v>
      </c>
      <c r="M31" s="890">
        <v>26800</v>
      </c>
      <c r="N31" s="889">
        <v>63</v>
      </c>
      <c r="O31" s="845">
        <v>1709253</v>
      </c>
      <c r="P31" s="880">
        <v>97784</v>
      </c>
      <c r="Q31" s="922">
        <v>26</v>
      </c>
      <c r="R31" s="842" t="s">
        <v>26</v>
      </c>
      <c r="S31" s="834">
        <v>96572</v>
      </c>
      <c r="T31" s="1050">
        <v>44.56</v>
      </c>
      <c r="U31" s="882">
        <v>9035</v>
      </c>
      <c r="V31" s="1050">
        <v>4.17</v>
      </c>
      <c r="W31" s="882">
        <v>69300</v>
      </c>
      <c r="X31" s="1050">
        <v>31.98</v>
      </c>
      <c r="Y31" s="882">
        <v>41795</v>
      </c>
      <c r="Z31" s="1049">
        <v>19.29</v>
      </c>
      <c r="AA31" s="813"/>
      <c r="AB31" s="835">
        <v>216702</v>
      </c>
      <c r="AC31" s="884">
        <v>27692</v>
      </c>
      <c r="AD31" s="884">
        <v>2838</v>
      </c>
      <c r="AE31" s="884">
        <v>61</v>
      </c>
      <c r="AF31" s="884">
        <v>4348</v>
      </c>
      <c r="AG31" s="917">
        <v>-375</v>
      </c>
      <c r="AH31" s="880">
        <v>181388</v>
      </c>
    </row>
    <row r="32" spans="1:34" s="809" customFormat="1" ht="13.5" customHeight="1" x14ac:dyDescent="0.15">
      <c r="A32" s="922">
        <v>27</v>
      </c>
      <c r="B32" s="842" t="s">
        <v>27</v>
      </c>
      <c r="C32" s="899"/>
      <c r="D32" s="898" t="s">
        <v>622</v>
      </c>
      <c r="E32" s="897" t="s">
        <v>637</v>
      </c>
      <c r="F32" s="897">
        <v>8</v>
      </c>
      <c r="G32" s="1052" t="s">
        <v>636</v>
      </c>
      <c r="H32" s="792" t="s">
        <v>622</v>
      </c>
      <c r="I32" s="791" t="s">
        <v>622</v>
      </c>
      <c r="J32" s="892">
        <v>5.2</v>
      </c>
      <c r="K32" s="921">
        <v>30.9</v>
      </c>
      <c r="L32" s="890">
        <v>23000</v>
      </c>
      <c r="M32" s="890">
        <v>41000</v>
      </c>
      <c r="N32" s="889">
        <v>63</v>
      </c>
      <c r="O32" s="845">
        <v>1861375</v>
      </c>
      <c r="P32" s="880">
        <v>91378</v>
      </c>
      <c r="Q32" s="922">
        <v>27</v>
      </c>
      <c r="R32" s="842" t="s">
        <v>27</v>
      </c>
      <c r="S32" s="882">
        <v>96790</v>
      </c>
      <c r="T32" s="1050">
        <v>38.31</v>
      </c>
      <c r="U32" s="882">
        <v>28235</v>
      </c>
      <c r="V32" s="1050">
        <v>11.18</v>
      </c>
      <c r="W32" s="882">
        <v>60444</v>
      </c>
      <c r="X32" s="1050">
        <v>23.92</v>
      </c>
      <c r="Y32" s="882">
        <v>67179</v>
      </c>
      <c r="Z32" s="1049">
        <v>26.59</v>
      </c>
      <c r="AA32" s="813"/>
      <c r="AB32" s="835">
        <v>252648</v>
      </c>
      <c r="AC32" s="884">
        <v>27750</v>
      </c>
      <c r="AD32" s="884">
        <v>0</v>
      </c>
      <c r="AE32" s="884">
        <v>412</v>
      </c>
      <c r="AF32" s="884">
        <v>4595</v>
      </c>
      <c r="AG32" s="917">
        <v>-4078</v>
      </c>
      <c r="AH32" s="880">
        <v>215813</v>
      </c>
    </row>
    <row r="33" spans="1:34" s="809" customFormat="1" ht="13.5" customHeight="1" x14ac:dyDescent="0.15">
      <c r="A33" s="843">
        <v>28</v>
      </c>
      <c r="B33" s="842" t="s">
        <v>28</v>
      </c>
      <c r="C33" s="899"/>
      <c r="D33" s="898" t="s">
        <v>622</v>
      </c>
      <c r="E33" s="897">
        <v>3</v>
      </c>
      <c r="F33" s="897">
        <v>10</v>
      </c>
      <c r="G33" s="898" t="s">
        <v>634</v>
      </c>
      <c r="H33" s="792" t="s">
        <v>622</v>
      </c>
      <c r="I33" s="791" t="s">
        <v>750</v>
      </c>
      <c r="J33" s="892">
        <v>6.28</v>
      </c>
      <c r="K33" s="919">
        <v>0</v>
      </c>
      <c r="L33" s="890">
        <v>27200</v>
      </c>
      <c r="M33" s="890">
        <v>16800</v>
      </c>
      <c r="N33" s="889">
        <v>63</v>
      </c>
      <c r="O33" s="845">
        <v>2256068</v>
      </c>
      <c r="P33" s="880">
        <v>0</v>
      </c>
      <c r="Q33" s="922">
        <v>28</v>
      </c>
      <c r="R33" s="842" t="s">
        <v>28</v>
      </c>
      <c r="S33" s="882">
        <v>163061</v>
      </c>
      <c r="T33" s="1050">
        <v>54.83</v>
      </c>
      <c r="U33" s="882">
        <v>0</v>
      </c>
      <c r="V33" s="1050">
        <v>0</v>
      </c>
      <c r="W33" s="882">
        <v>97077</v>
      </c>
      <c r="X33" s="1050">
        <v>32.64</v>
      </c>
      <c r="Y33" s="882">
        <v>37254</v>
      </c>
      <c r="Z33" s="1049">
        <v>12.53</v>
      </c>
      <c r="AA33" s="813"/>
      <c r="AB33" s="835">
        <v>297392</v>
      </c>
      <c r="AC33" s="884">
        <v>29946</v>
      </c>
      <c r="AD33" s="884">
        <v>0</v>
      </c>
      <c r="AE33" s="884">
        <v>2156</v>
      </c>
      <c r="AF33" s="884">
        <v>7435</v>
      </c>
      <c r="AG33" s="917">
        <v>-33608</v>
      </c>
      <c r="AH33" s="880">
        <v>224247</v>
      </c>
    </row>
    <row r="34" spans="1:34" s="809" customFormat="1" ht="13.5" customHeight="1" x14ac:dyDescent="0.15">
      <c r="A34" s="843">
        <v>29</v>
      </c>
      <c r="B34" s="842" t="s">
        <v>29</v>
      </c>
      <c r="C34" s="898" t="s">
        <v>622</v>
      </c>
      <c r="D34" s="899"/>
      <c r="E34" s="897">
        <v>3</v>
      </c>
      <c r="F34" s="897">
        <v>10</v>
      </c>
      <c r="G34" s="898" t="s">
        <v>634</v>
      </c>
      <c r="H34" s="792" t="s">
        <v>622</v>
      </c>
      <c r="I34" s="791" t="s">
        <v>749</v>
      </c>
      <c r="J34" s="892">
        <v>5.74</v>
      </c>
      <c r="K34" s="919">
        <v>0</v>
      </c>
      <c r="L34" s="890">
        <v>18700</v>
      </c>
      <c r="M34" s="890">
        <v>21050</v>
      </c>
      <c r="N34" s="889">
        <v>63</v>
      </c>
      <c r="O34" s="845">
        <v>2037106</v>
      </c>
      <c r="P34" s="880">
        <v>0</v>
      </c>
      <c r="Q34" s="843">
        <v>29</v>
      </c>
      <c r="R34" s="842" t="s">
        <v>29</v>
      </c>
      <c r="S34" s="882">
        <v>143881</v>
      </c>
      <c r="T34" s="1050">
        <v>56.129999999999995</v>
      </c>
      <c r="U34" s="882">
        <v>0</v>
      </c>
      <c r="V34" s="1050">
        <v>0</v>
      </c>
      <c r="W34" s="882">
        <v>61916</v>
      </c>
      <c r="X34" s="1050">
        <v>24.16</v>
      </c>
      <c r="Y34" s="882">
        <v>50525</v>
      </c>
      <c r="Z34" s="1049">
        <v>19.71</v>
      </c>
      <c r="AA34" s="813"/>
      <c r="AB34" s="835">
        <v>256322</v>
      </c>
      <c r="AC34" s="884">
        <v>31038</v>
      </c>
      <c r="AD34" s="884">
        <v>9712</v>
      </c>
      <c r="AE34" s="884">
        <v>959</v>
      </c>
      <c r="AF34" s="884">
        <v>8633</v>
      </c>
      <c r="AG34" s="917">
        <v>-38354</v>
      </c>
      <c r="AH34" s="880">
        <v>167626</v>
      </c>
    </row>
    <row r="35" spans="1:34" s="809" customFormat="1" ht="13.5" customHeight="1" x14ac:dyDescent="0.15">
      <c r="A35" s="843">
        <v>30</v>
      </c>
      <c r="B35" s="842" t="s">
        <v>30</v>
      </c>
      <c r="C35" s="899"/>
      <c r="D35" s="898" t="s">
        <v>622</v>
      </c>
      <c r="E35" s="897">
        <v>3</v>
      </c>
      <c r="F35" s="897">
        <v>12</v>
      </c>
      <c r="G35" s="898" t="s">
        <v>635</v>
      </c>
      <c r="H35" s="792" t="s">
        <v>622</v>
      </c>
      <c r="I35" s="791" t="s">
        <v>39</v>
      </c>
      <c r="J35" s="892">
        <v>6.12</v>
      </c>
      <c r="K35" s="919">
        <v>0</v>
      </c>
      <c r="L35" s="890">
        <v>29180</v>
      </c>
      <c r="M35" s="890">
        <v>24110</v>
      </c>
      <c r="N35" s="889">
        <v>63</v>
      </c>
      <c r="O35" s="845">
        <v>1355644</v>
      </c>
      <c r="P35" s="880">
        <v>0</v>
      </c>
      <c r="Q35" s="843">
        <v>30</v>
      </c>
      <c r="R35" s="842" t="s">
        <v>30</v>
      </c>
      <c r="S35" s="882">
        <v>89975</v>
      </c>
      <c r="T35" s="1050">
        <v>46.7</v>
      </c>
      <c r="U35" s="882">
        <v>0</v>
      </c>
      <c r="V35" s="1050">
        <v>0</v>
      </c>
      <c r="W35" s="882">
        <v>67522</v>
      </c>
      <c r="X35" s="1050">
        <v>35.049999999999997</v>
      </c>
      <c r="Y35" s="882">
        <v>35152</v>
      </c>
      <c r="Z35" s="1049">
        <v>18.25</v>
      </c>
      <c r="AA35" s="813"/>
      <c r="AB35" s="835">
        <v>192649</v>
      </c>
      <c r="AC35" s="884">
        <v>28005</v>
      </c>
      <c r="AD35" s="884">
        <v>0</v>
      </c>
      <c r="AE35" s="884">
        <v>2358</v>
      </c>
      <c r="AF35" s="884">
        <v>1746</v>
      </c>
      <c r="AG35" s="917">
        <v>-16219</v>
      </c>
      <c r="AH35" s="880">
        <v>144321</v>
      </c>
    </row>
    <row r="36" spans="1:34" s="809" customFormat="1" ht="13.5" customHeight="1" x14ac:dyDescent="0.15">
      <c r="A36" s="843">
        <v>31</v>
      </c>
      <c r="B36" s="842" t="s">
        <v>31</v>
      </c>
      <c r="C36" s="898" t="s">
        <v>622</v>
      </c>
      <c r="D36" s="899"/>
      <c r="E36" s="897">
        <v>3</v>
      </c>
      <c r="F36" s="897">
        <v>10</v>
      </c>
      <c r="G36" s="898" t="s">
        <v>634</v>
      </c>
      <c r="H36" s="792" t="s">
        <v>622</v>
      </c>
      <c r="I36" s="791" t="s">
        <v>734</v>
      </c>
      <c r="J36" s="892">
        <v>6.15</v>
      </c>
      <c r="K36" s="919">
        <v>0</v>
      </c>
      <c r="L36" s="890">
        <v>23100</v>
      </c>
      <c r="M36" s="890">
        <v>17800</v>
      </c>
      <c r="N36" s="889">
        <v>63</v>
      </c>
      <c r="O36" s="845">
        <v>4873247</v>
      </c>
      <c r="P36" s="880">
        <v>0</v>
      </c>
      <c r="Q36" s="843">
        <v>31</v>
      </c>
      <c r="R36" s="842" t="s">
        <v>31</v>
      </c>
      <c r="S36" s="882">
        <v>299703</v>
      </c>
      <c r="T36" s="1050">
        <v>56</v>
      </c>
      <c r="U36" s="882">
        <v>0</v>
      </c>
      <c r="V36" s="1050">
        <v>0</v>
      </c>
      <c r="W36" s="882">
        <v>157796</v>
      </c>
      <c r="X36" s="1050">
        <v>29.48</v>
      </c>
      <c r="Y36" s="882">
        <v>77733</v>
      </c>
      <c r="Z36" s="1049">
        <v>14.52</v>
      </c>
      <c r="AA36" s="813"/>
      <c r="AB36" s="835">
        <v>535232</v>
      </c>
      <c r="AC36" s="884">
        <v>65027</v>
      </c>
      <c r="AD36" s="884">
        <v>0</v>
      </c>
      <c r="AE36" s="884">
        <v>6846</v>
      </c>
      <c r="AF36" s="884">
        <v>26776</v>
      </c>
      <c r="AG36" s="917">
        <v>-10433</v>
      </c>
      <c r="AH36" s="880">
        <v>426150</v>
      </c>
    </row>
    <row r="37" spans="1:34" s="809" customFormat="1" ht="13.5" customHeight="1" x14ac:dyDescent="0.15">
      <c r="A37" s="843">
        <v>32</v>
      </c>
      <c r="B37" s="842" t="s">
        <v>32</v>
      </c>
      <c r="C37" s="899"/>
      <c r="D37" s="898" t="s">
        <v>622</v>
      </c>
      <c r="E37" s="897">
        <v>3</v>
      </c>
      <c r="F37" s="897">
        <v>10</v>
      </c>
      <c r="G37" s="898" t="s">
        <v>634</v>
      </c>
      <c r="H37" s="792" t="s">
        <v>622</v>
      </c>
      <c r="I37" s="961" t="s">
        <v>735</v>
      </c>
      <c r="J37" s="892">
        <v>6.28</v>
      </c>
      <c r="K37" s="919">
        <v>0</v>
      </c>
      <c r="L37" s="1151">
        <v>20400</v>
      </c>
      <c r="M37" s="890">
        <v>24000</v>
      </c>
      <c r="N37" s="889">
        <v>63</v>
      </c>
      <c r="O37" s="845">
        <v>7538826</v>
      </c>
      <c r="P37" s="880">
        <v>0</v>
      </c>
      <c r="Q37" s="843">
        <v>32</v>
      </c>
      <c r="R37" s="842" t="s">
        <v>32</v>
      </c>
      <c r="S37" s="882">
        <v>535257</v>
      </c>
      <c r="T37" s="1050">
        <v>55.86</v>
      </c>
      <c r="U37" s="882">
        <v>0</v>
      </c>
      <c r="V37" s="1050">
        <v>0</v>
      </c>
      <c r="W37" s="882">
        <v>248574</v>
      </c>
      <c r="X37" s="1050">
        <v>25.94</v>
      </c>
      <c r="Y37" s="882">
        <v>174426</v>
      </c>
      <c r="Z37" s="1049">
        <v>18.2</v>
      </c>
      <c r="AA37" s="813"/>
      <c r="AB37" s="835">
        <v>958257</v>
      </c>
      <c r="AC37" s="884">
        <v>101697</v>
      </c>
      <c r="AD37" s="884">
        <v>0</v>
      </c>
      <c r="AE37" s="884">
        <v>21315</v>
      </c>
      <c r="AF37" s="884">
        <v>30056</v>
      </c>
      <c r="AG37" s="917">
        <v>-128085</v>
      </c>
      <c r="AH37" s="880">
        <v>677104</v>
      </c>
    </row>
    <row r="38" spans="1:34" s="809" customFormat="1" ht="13.5" customHeight="1" thickBot="1" x14ac:dyDescent="0.2">
      <c r="A38" s="820">
        <v>33</v>
      </c>
      <c r="B38" s="819" t="s">
        <v>33</v>
      </c>
      <c r="C38" s="875" t="s">
        <v>622</v>
      </c>
      <c r="D38" s="879"/>
      <c r="E38" s="878">
        <v>3</v>
      </c>
      <c r="F38" s="878">
        <v>10</v>
      </c>
      <c r="G38" s="875" t="s">
        <v>634</v>
      </c>
      <c r="H38" s="1150" t="s">
        <v>622</v>
      </c>
      <c r="I38" s="774" t="s">
        <v>735</v>
      </c>
      <c r="J38" s="916">
        <v>5.52</v>
      </c>
      <c r="K38" s="915">
        <v>0</v>
      </c>
      <c r="L38" s="914">
        <v>22490</v>
      </c>
      <c r="M38" s="914">
        <v>10620</v>
      </c>
      <c r="N38" s="912">
        <v>63</v>
      </c>
      <c r="O38" s="817">
        <v>533778</v>
      </c>
      <c r="P38" s="858">
        <v>0</v>
      </c>
      <c r="Q38" s="820">
        <v>33</v>
      </c>
      <c r="R38" s="819" t="s">
        <v>33</v>
      </c>
      <c r="S38" s="860">
        <v>29464</v>
      </c>
      <c r="T38" s="1043">
        <v>56.650000000000006</v>
      </c>
      <c r="U38" s="860">
        <v>0</v>
      </c>
      <c r="V38" s="1043">
        <v>0</v>
      </c>
      <c r="W38" s="860">
        <v>17542</v>
      </c>
      <c r="X38" s="1043">
        <v>33.729999999999997</v>
      </c>
      <c r="Y38" s="860">
        <v>5002</v>
      </c>
      <c r="Z38" s="1042">
        <v>9.6199999999999992</v>
      </c>
      <c r="AA38" s="863"/>
      <c r="AB38" s="812">
        <v>52008</v>
      </c>
      <c r="AC38" s="811">
        <v>5114</v>
      </c>
      <c r="AD38" s="811">
        <v>1008</v>
      </c>
      <c r="AE38" s="811">
        <v>483</v>
      </c>
      <c r="AF38" s="811">
        <v>690</v>
      </c>
      <c r="AG38" s="1118">
        <v>436</v>
      </c>
      <c r="AH38" s="858">
        <v>45149</v>
      </c>
    </row>
    <row r="39" spans="1:34" s="809" customFormat="1" ht="13.5" hidden="1" customHeight="1" thickTop="1" x14ac:dyDescent="0.15">
      <c r="A39" s="843">
        <v>34</v>
      </c>
      <c r="B39" s="842" t="s">
        <v>34</v>
      </c>
      <c r="C39" s="1149"/>
      <c r="D39" s="905"/>
      <c r="E39" s="908"/>
      <c r="F39" s="908"/>
      <c r="G39" s="1148"/>
      <c r="H39" s="792"/>
      <c r="I39" s="791"/>
      <c r="J39" s="904"/>
      <c r="K39" s="903"/>
      <c r="L39" s="902">
        <v>23500</v>
      </c>
      <c r="M39" s="902"/>
      <c r="N39" s="901"/>
      <c r="O39" s="845" t="e">
        <v>#REF!</v>
      </c>
      <c r="P39" s="880" t="e">
        <v>#REF!</v>
      </c>
      <c r="Q39" s="843">
        <v>34</v>
      </c>
      <c r="R39" s="842" t="s">
        <v>34</v>
      </c>
      <c r="S39" s="882" t="e">
        <v>#REF!</v>
      </c>
      <c r="T39" s="1050" t="e">
        <v>#REF!</v>
      </c>
      <c r="U39" s="882" t="e">
        <v>#REF!</v>
      </c>
      <c r="V39" s="1050" t="e">
        <v>#REF!</v>
      </c>
      <c r="W39" s="882" t="e">
        <v>#REF!</v>
      </c>
      <c r="X39" s="1050" t="e">
        <v>#REF!</v>
      </c>
      <c r="Y39" s="882" t="e">
        <v>#REF!</v>
      </c>
      <c r="Z39" s="1049" t="e">
        <v>#REF!</v>
      </c>
      <c r="AA39" s="813"/>
      <c r="AB39" s="835" t="e">
        <v>#REF!</v>
      </c>
      <c r="AC39" s="884" t="e">
        <v>#REF!</v>
      </c>
      <c r="AD39" s="884" t="e">
        <v>#REF!</v>
      </c>
      <c r="AE39" s="884" t="e">
        <v>#REF!</v>
      </c>
      <c r="AF39" s="884" t="e">
        <v>#REF!</v>
      </c>
      <c r="AG39" s="917"/>
      <c r="AH39" s="880" t="e">
        <v>#REF!</v>
      </c>
    </row>
    <row r="40" spans="1:34" s="809" customFormat="1" ht="13.5" hidden="1" customHeight="1" x14ac:dyDescent="0.15">
      <c r="A40" s="843"/>
      <c r="B40" s="842"/>
      <c r="C40" s="1147"/>
      <c r="D40" s="898"/>
      <c r="E40" s="897"/>
      <c r="F40" s="897"/>
      <c r="G40" s="1052"/>
      <c r="H40" s="792"/>
      <c r="I40" s="791"/>
      <c r="J40" s="892"/>
      <c r="K40" s="891"/>
      <c r="L40" s="890">
        <v>20400</v>
      </c>
      <c r="M40" s="890"/>
      <c r="N40" s="889"/>
      <c r="O40" s="845"/>
      <c r="P40" s="880"/>
      <c r="Q40" s="843"/>
      <c r="R40" s="842"/>
      <c r="S40" s="882"/>
      <c r="T40" s="1050"/>
      <c r="U40" s="882"/>
      <c r="V40" s="1050"/>
      <c r="W40" s="882"/>
      <c r="X40" s="1050"/>
      <c r="Y40" s="882"/>
      <c r="Z40" s="1049"/>
      <c r="AA40" s="813"/>
      <c r="AB40" s="835"/>
      <c r="AC40" s="884"/>
      <c r="AD40" s="884"/>
      <c r="AE40" s="884"/>
      <c r="AF40" s="884"/>
      <c r="AG40" s="917"/>
      <c r="AH40" s="880"/>
    </row>
    <row r="41" spans="1:34" s="809" customFormat="1" ht="13.5" hidden="1" customHeight="1" x14ac:dyDescent="0.15">
      <c r="A41" s="843"/>
      <c r="B41" s="842"/>
      <c r="C41" s="1147"/>
      <c r="D41" s="898"/>
      <c r="E41" s="897"/>
      <c r="F41" s="897"/>
      <c r="G41" s="1052"/>
      <c r="H41" s="792"/>
      <c r="I41" s="791"/>
      <c r="J41" s="892"/>
      <c r="K41" s="891"/>
      <c r="L41" s="890">
        <v>23000</v>
      </c>
      <c r="M41" s="890"/>
      <c r="N41" s="889"/>
      <c r="O41" s="845"/>
      <c r="P41" s="880"/>
      <c r="Q41" s="843"/>
      <c r="R41" s="842"/>
      <c r="S41" s="882"/>
      <c r="T41" s="1050"/>
      <c r="U41" s="882"/>
      <c r="V41" s="1050"/>
      <c r="W41" s="882"/>
      <c r="X41" s="1050"/>
      <c r="Y41" s="882"/>
      <c r="Z41" s="1049"/>
      <c r="AA41" s="813"/>
      <c r="AB41" s="835"/>
      <c r="AC41" s="884"/>
      <c r="AD41" s="884"/>
      <c r="AE41" s="884"/>
      <c r="AF41" s="884"/>
      <c r="AG41" s="917"/>
      <c r="AH41" s="880"/>
    </row>
    <row r="42" spans="1:34" s="809" customFormat="1" ht="13.5" hidden="1" customHeight="1" thickBot="1" x14ac:dyDescent="0.2">
      <c r="A42" s="820">
        <v>37</v>
      </c>
      <c r="B42" s="819" t="s">
        <v>37</v>
      </c>
      <c r="C42" s="1146"/>
      <c r="D42" s="875"/>
      <c r="E42" s="878"/>
      <c r="F42" s="959"/>
      <c r="G42" s="1145"/>
      <c r="H42" s="975"/>
      <c r="I42" s="873"/>
      <c r="J42" s="916"/>
      <c r="K42" s="1046"/>
      <c r="L42" s="914"/>
      <c r="M42" s="914"/>
      <c r="N42" s="912"/>
      <c r="O42" s="1044" t="e">
        <v>#REF!</v>
      </c>
      <c r="P42" s="858" t="e">
        <v>#REF!</v>
      </c>
      <c r="Q42" s="820">
        <v>37</v>
      </c>
      <c r="R42" s="819" t="s">
        <v>37</v>
      </c>
      <c r="S42" s="860" t="e">
        <v>#REF!</v>
      </c>
      <c r="T42" s="1043" t="e">
        <v>#REF!</v>
      </c>
      <c r="U42" s="860" t="e">
        <v>#REF!</v>
      </c>
      <c r="V42" s="1043" t="e">
        <v>#REF!</v>
      </c>
      <c r="W42" s="860" t="e">
        <v>#REF!</v>
      </c>
      <c r="X42" s="1043" t="e">
        <v>#REF!</v>
      </c>
      <c r="Y42" s="860" t="e">
        <v>#REF!</v>
      </c>
      <c r="Z42" s="1042" t="e">
        <v>#REF!</v>
      </c>
      <c r="AA42" s="863"/>
      <c r="AB42" s="911" t="e">
        <v>#REF!</v>
      </c>
      <c r="AC42" s="811" t="e">
        <v>#REF!</v>
      </c>
      <c r="AD42" s="811" t="e">
        <v>#REF!</v>
      </c>
      <c r="AE42" s="811" t="e">
        <v>#REF!</v>
      </c>
      <c r="AF42" s="811" t="e">
        <v>#REF!</v>
      </c>
      <c r="AG42" s="1118"/>
      <c r="AH42" s="858" t="e">
        <v>#REF!</v>
      </c>
    </row>
    <row r="43" spans="1:34" s="809" customFormat="1" ht="13.5" customHeight="1" thickTop="1" x14ac:dyDescent="0.15">
      <c r="A43" s="843">
        <v>301</v>
      </c>
      <c r="B43" s="842" t="s">
        <v>718</v>
      </c>
      <c r="C43" s="798" t="s">
        <v>610</v>
      </c>
      <c r="D43" s="894"/>
      <c r="E43" s="852"/>
      <c r="F43" s="1144" t="s">
        <v>621</v>
      </c>
      <c r="G43" s="1040"/>
      <c r="H43" s="850"/>
      <c r="I43" s="849"/>
      <c r="J43" s="848" t="s">
        <v>748</v>
      </c>
      <c r="K43" s="847"/>
      <c r="L43" s="845"/>
      <c r="M43" s="845"/>
      <c r="N43" s="846"/>
      <c r="O43" s="845"/>
      <c r="P43" s="844"/>
      <c r="Q43" s="843">
        <v>301</v>
      </c>
      <c r="R43" s="842" t="s">
        <v>631</v>
      </c>
      <c r="S43" s="1023"/>
      <c r="T43" s="1024"/>
      <c r="U43" s="1023"/>
      <c r="V43" s="1023"/>
      <c r="W43" s="1023"/>
      <c r="X43" s="1023"/>
      <c r="Y43" s="1023"/>
      <c r="Z43" s="942"/>
      <c r="AA43" s="813"/>
      <c r="AB43" s="835">
        <v>2184615</v>
      </c>
      <c r="AC43" s="837">
        <v>0</v>
      </c>
      <c r="AD43" s="837">
        <v>0</v>
      </c>
      <c r="AE43" s="837">
        <v>0</v>
      </c>
      <c r="AF43" s="837">
        <v>0</v>
      </c>
      <c r="AG43" s="943">
        <v>0</v>
      </c>
      <c r="AH43" s="1122">
        <v>2184615</v>
      </c>
    </row>
    <row r="44" spans="1:34" s="809" customFormat="1" ht="13.5" customHeight="1" x14ac:dyDescent="0.15">
      <c r="A44" s="843">
        <v>302</v>
      </c>
      <c r="B44" s="842" t="s">
        <v>629</v>
      </c>
      <c r="C44" s="798" t="s">
        <v>610</v>
      </c>
      <c r="D44" s="894"/>
      <c r="E44" s="852"/>
      <c r="F44" s="1124" t="s">
        <v>621</v>
      </c>
      <c r="G44" s="1028"/>
      <c r="H44" s="850"/>
      <c r="I44" s="849"/>
      <c r="J44" s="848" t="s">
        <v>747</v>
      </c>
      <c r="K44" s="847"/>
      <c r="L44" s="845"/>
      <c r="M44" s="845"/>
      <c r="N44" s="846"/>
      <c r="O44" s="845"/>
      <c r="P44" s="844"/>
      <c r="Q44" s="843">
        <v>302</v>
      </c>
      <c r="R44" s="842" t="s">
        <v>629</v>
      </c>
      <c r="S44" s="1023"/>
      <c r="T44" s="1024"/>
      <c r="U44" s="1023"/>
      <c r="V44" s="1023"/>
      <c r="W44" s="1023"/>
      <c r="X44" s="1023"/>
      <c r="Y44" s="1023"/>
      <c r="Z44" s="942"/>
      <c r="AA44" s="813"/>
      <c r="AB44" s="835">
        <v>2670687</v>
      </c>
      <c r="AC44" s="834">
        <v>0</v>
      </c>
      <c r="AD44" s="1123">
        <v>0</v>
      </c>
      <c r="AE44" s="834">
        <v>0</v>
      </c>
      <c r="AF44" s="834">
        <v>0</v>
      </c>
      <c r="AG44" s="930">
        <v>0</v>
      </c>
      <c r="AH44" s="1122">
        <v>2670687</v>
      </c>
    </row>
    <row r="45" spans="1:34" s="809" customFormat="1" ht="13.5" customHeight="1" x14ac:dyDescent="0.15">
      <c r="A45" s="843">
        <v>303</v>
      </c>
      <c r="B45" s="842" t="s">
        <v>627</v>
      </c>
      <c r="C45" s="798" t="s">
        <v>703</v>
      </c>
      <c r="D45" s="894"/>
      <c r="E45" s="852"/>
      <c r="F45" s="1124" t="s">
        <v>621</v>
      </c>
      <c r="G45" s="1028"/>
      <c r="H45" s="850"/>
      <c r="I45" s="849"/>
      <c r="J45" s="848" t="s">
        <v>746</v>
      </c>
      <c r="K45" s="847"/>
      <c r="L45" s="845"/>
      <c r="M45" s="845"/>
      <c r="N45" s="846"/>
      <c r="O45" s="845"/>
      <c r="P45" s="844"/>
      <c r="Q45" s="843">
        <v>303</v>
      </c>
      <c r="R45" s="842" t="s">
        <v>627</v>
      </c>
      <c r="S45" s="1023"/>
      <c r="T45" s="1024"/>
      <c r="U45" s="1023"/>
      <c r="V45" s="1023"/>
      <c r="W45" s="1023"/>
      <c r="X45" s="1023"/>
      <c r="Y45" s="1023"/>
      <c r="Z45" s="942"/>
      <c r="AA45" s="813"/>
      <c r="AB45" s="835">
        <v>1609641</v>
      </c>
      <c r="AC45" s="834">
        <v>0</v>
      </c>
      <c r="AD45" s="1123">
        <v>1098</v>
      </c>
      <c r="AE45" s="834">
        <v>0</v>
      </c>
      <c r="AF45" s="834">
        <v>0</v>
      </c>
      <c r="AG45" s="930">
        <v>0</v>
      </c>
      <c r="AH45" s="1122">
        <v>1608543</v>
      </c>
    </row>
    <row r="46" spans="1:34" s="1125" customFormat="1" ht="26.4" customHeight="1" x14ac:dyDescent="0.2">
      <c r="A46" s="1135">
        <v>304</v>
      </c>
      <c r="B46" s="1134" t="s">
        <v>625</v>
      </c>
      <c r="C46" s="1143" t="s">
        <v>703</v>
      </c>
      <c r="D46" s="1142"/>
      <c r="E46" s="1141"/>
      <c r="F46" s="1140" t="s">
        <v>621</v>
      </c>
      <c r="G46" s="1139"/>
      <c r="H46" s="1138"/>
      <c r="I46" s="1137"/>
      <c r="J46" s="1136" t="s">
        <v>745</v>
      </c>
      <c r="K46" s="1670" t="s">
        <v>744</v>
      </c>
      <c r="L46" s="1670"/>
      <c r="M46" s="1670"/>
      <c r="N46" s="1670"/>
      <c r="O46" s="1670"/>
      <c r="P46" s="1671"/>
      <c r="Q46" s="1135">
        <v>304</v>
      </c>
      <c r="R46" s="1134" t="s">
        <v>625</v>
      </c>
      <c r="S46" s="1132"/>
      <c r="T46" s="1133"/>
      <c r="U46" s="1132"/>
      <c r="V46" s="1132"/>
      <c r="W46" s="1132"/>
      <c r="X46" s="1132"/>
      <c r="Y46" s="1132"/>
      <c r="Z46" s="1131"/>
      <c r="AA46" s="1130"/>
      <c r="AB46" s="1129">
        <v>658336</v>
      </c>
      <c r="AC46" s="1031">
        <v>0</v>
      </c>
      <c r="AD46" s="1128">
        <v>0</v>
      </c>
      <c r="AE46" s="1031">
        <v>0</v>
      </c>
      <c r="AF46" s="1031">
        <v>0</v>
      </c>
      <c r="AG46" s="1127">
        <v>0</v>
      </c>
      <c r="AH46" s="1126">
        <v>658336</v>
      </c>
    </row>
    <row r="47" spans="1:34" s="809" customFormat="1" ht="13.5" customHeight="1" x14ac:dyDescent="0.15">
      <c r="A47" s="843">
        <v>305</v>
      </c>
      <c r="B47" s="842" t="s">
        <v>623</v>
      </c>
      <c r="C47" s="798" t="s">
        <v>703</v>
      </c>
      <c r="D47" s="894"/>
      <c r="E47" s="852"/>
      <c r="F47" s="1124" t="s">
        <v>621</v>
      </c>
      <c r="G47" s="1028"/>
      <c r="H47" s="850"/>
      <c r="I47" s="849"/>
      <c r="J47" s="848" t="s">
        <v>743</v>
      </c>
      <c r="K47" s="847"/>
      <c r="L47" s="845"/>
      <c r="M47" s="845"/>
      <c r="N47" s="846"/>
      <c r="O47" s="845"/>
      <c r="P47" s="844"/>
      <c r="Q47" s="843">
        <v>305</v>
      </c>
      <c r="R47" s="842" t="s">
        <v>623</v>
      </c>
      <c r="S47" s="1023"/>
      <c r="T47" s="1024"/>
      <c r="U47" s="1023"/>
      <c r="V47" s="1023"/>
      <c r="W47" s="1023"/>
      <c r="X47" s="1023"/>
      <c r="Y47" s="1023"/>
      <c r="Z47" s="942"/>
      <c r="AA47" s="813"/>
      <c r="AB47" s="835">
        <v>1041826</v>
      </c>
      <c r="AC47" s="834">
        <v>0</v>
      </c>
      <c r="AD47" s="1123">
        <v>0</v>
      </c>
      <c r="AE47" s="834">
        <v>0</v>
      </c>
      <c r="AF47" s="834">
        <v>0</v>
      </c>
      <c r="AG47" s="930">
        <v>0</v>
      </c>
      <c r="AH47" s="1122">
        <v>1041826</v>
      </c>
    </row>
    <row r="48" spans="1:34" s="809" customFormat="1" ht="13.5" customHeight="1" thickBot="1" x14ac:dyDescent="0.2">
      <c r="A48" s="820">
        <v>306</v>
      </c>
      <c r="B48" s="819" t="s">
        <v>619</v>
      </c>
      <c r="C48" s="1102" t="s">
        <v>703</v>
      </c>
      <c r="D48" s="874"/>
      <c r="E48" s="831"/>
      <c r="F48" s="1121" t="s">
        <v>621</v>
      </c>
      <c r="G48" s="1018"/>
      <c r="H48" s="828"/>
      <c r="I48" s="827"/>
      <c r="J48" s="1038" t="s">
        <v>742</v>
      </c>
      <c r="K48" s="1120"/>
      <c r="L48" s="840"/>
      <c r="M48" s="840"/>
      <c r="N48" s="813"/>
      <c r="O48" s="840"/>
      <c r="P48" s="1119"/>
      <c r="Q48" s="820">
        <v>306</v>
      </c>
      <c r="R48" s="819" t="s">
        <v>619</v>
      </c>
      <c r="S48" s="860"/>
      <c r="T48" s="1014"/>
      <c r="U48" s="860"/>
      <c r="V48" s="860"/>
      <c r="W48" s="860"/>
      <c r="X48" s="860"/>
      <c r="Y48" s="860"/>
      <c r="Z48" s="858"/>
      <c r="AA48" s="813"/>
      <c r="AB48" s="812">
        <v>9913746</v>
      </c>
      <c r="AC48" s="811">
        <v>0</v>
      </c>
      <c r="AD48" s="811">
        <v>2907702</v>
      </c>
      <c r="AE48" s="811">
        <v>150</v>
      </c>
      <c r="AF48" s="811">
        <v>0</v>
      </c>
      <c r="AG48" s="1118">
        <v>0</v>
      </c>
      <c r="AH48" s="1117">
        <v>7005894</v>
      </c>
    </row>
    <row r="49" spans="1:34" ht="13.5" customHeight="1" thickTop="1" x14ac:dyDescent="0.15">
      <c r="A49" s="1696" t="s">
        <v>741</v>
      </c>
      <c r="B49" s="1697"/>
      <c r="C49" s="808">
        <v>9</v>
      </c>
      <c r="D49" s="797">
        <v>10</v>
      </c>
      <c r="E49" s="1116" t="s">
        <v>740</v>
      </c>
      <c r="F49" s="1115"/>
      <c r="G49" s="1114"/>
      <c r="H49" s="797">
        <v>19</v>
      </c>
      <c r="I49" s="1108">
        <v>0</v>
      </c>
      <c r="J49" s="1113"/>
      <c r="K49" s="1112"/>
      <c r="L49" s="1112"/>
      <c r="M49" s="1112"/>
      <c r="N49" s="1112"/>
      <c r="O49" s="800">
        <v>1525343031</v>
      </c>
      <c r="P49" s="799">
        <v>0</v>
      </c>
      <c r="Q49" s="1696" t="s">
        <v>618</v>
      </c>
      <c r="R49" s="1697"/>
      <c r="S49" s="1011">
        <v>100155274</v>
      </c>
      <c r="T49" s="1008">
        <v>62.32</v>
      </c>
      <c r="U49" s="1011">
        <v>0</v>
      </c>
      <c r="V49" s="1008">
        <v>0</v>
      </c>
      <c r="W49" s="1011">
        <v>50492834</v>
      </c>
      <c r="X49" s="1008">
        <v>31.41</v>
      </c>
      <c r="Y49" s="1011">
        <v>10085652</v>
      </c>
      <c r="Z49" s="1107">
        <v>6.27</v>
      </c>
      <c r="AA49" s="763"/>
      <c r="AB49" s="801">
        <v>160733762</v>
      </c>
      <c r="AC49" s="800">
        <v>14150585</v>
      </c>
      <c r="AD49" s="800">
        <v>852369</v>
      </c>
      <c r="AE49" s="800">
        <v>3166331</v>
      </c>
      <c r="AF49" s="800">
        <v>17904703</v>
      </c>
      <c r="AG49" s="1111">
        <v>-1543211</v>
      </c>
      <c r="AH49" s="799">
        <v>123116563</v>
      </c>
    </row>
    <row r="50" spans="1:34" ht="13.5" customHeight="1" x14ac:dyDescent="0.15">
      <c r="A50" s="1681" t="s">
        <v>739</v>
      </c>
      <c r="B50" s="1682"/>
      <c r="C50" s="798">
        <v>5</v>
      </c>
      <c r="D50" s="797">
        <v>9</v>
      </c>
      <c r="E50" s="778" t="s">
        <v>738</v>
      </c>
      <c r="F50" s="1110"/>
      <c r="G50" s="1109"/>
      <c r="H50" s="797">
        <v>14</v>
      </c>
      <c r="I50" s="1108">
        <v>3</v>
      </c>
      <c r="J50" s="790"/>
      <c r="K50" s="789"/>
      <c r="L50" s="789"/>
      <c r="M50" s="789"/>
      <c r="N50" s="789"/>
      <c r="O50" s="782">
        <v>53761460</v>
      </c>
      <c r="P50" s="788">
        <v>289678</v>
      </c>
      <c r="Q50" s="1681" t="s">
        <v>709</v>
      </c>
      <c r="R50" s="1682"/>
      <c r="S50" s="1007">
        <v>3170077</v>
      </c>
      <c r="T50" s="1008">
        <v>53.97</v>
      </c>
      <c r="U50" s="1007">
        <v>46800</v>
      </c>
      <c r="V50" s="1008">
        <v>0.8</v>
      </c>
      <c r="W50" s="1007">
        <v>1661381</v>
      </c>
      <c r="X50" s="1008">
        <v>28.28</v>
      </c>
      <c r="Y50" s="1007">
        <v>995876</v>
      </c>
      <c r="Z50" s="1107">
        <v>16.95</v>
      </c>
      <c r="AA50" s="763"/>
      <c r="AB50" s="783">
        <v>5874133</v>
      </c>
      <c r="AC50" s="782">
        <v>640510</v>
      </c>
      <c r="AD50" s="782">
        <v>43637</v>
      </c>
      <c r="AE50" s="782">
        <v>50019</v>
      </c>
      <c r="AF50" s="782">
        <v>305382</v>
      </c>
      <c r="AG50" s="1106">
        <v>-292606</v>
      </c>
      <c r="AH50" s="788">
        <v>4541979</v>
      </c>
    </row>
    <row r="51" spans="1:34" ht="13.5" customHeight="1" x14ac:dyDescent="0.15">
      <c r="A51" s="1681" t="s">
        <v>708</v>
      </c>
      <c r="B51" s="1682"/>
      <c r="C51" s="798">
        <v>14</v>
      </c>
      <c r="D51" s="797">
        <v>19</v>
      </c>
      <c r="E51" s="778" t="s">
        <v>707</v>
      </c>
      <c r="F51" s="1110"/>
      <c r="G51" s="1109"/>
      <c r="H51" s="797">
        <v>33</v>
      </c>
      <c r="I51" s="1108">
        <v>3</v>
      </c>
      <c r="J51" s="790"/>
      <c r="K51" s="789"/>
      <c r="L51" s="789"/>
      <c r="M51" s="789"/>
      <c r="N51" s="789"/>
      <c r="O51" s="782">
        <v>1579104491</v>
      </c>
      <c r="P51" s="788">
        <v>289678</v>
      </c>
      <c r="Q51" s="1681" t="s">
        <v>737</v>
      </c>
      <c r="R51" s="1682"/>
      <c r="S51" s="1007">
        <v>103325351</v>
      </c>
      <c r="T51" s="1008">
        <v>62.019999999999996</v>
      </c>
      <c r="U51" s="1007">
        <v>46800</v>
      </c>
      <c r="V51" s="1008">
        <v>0.03</v>
      </c>
      <c r="W51" s="1007">
        <v>52154215</v>
      </c>
      <c r="X51" s="1008">
        <v>31.3</v>
      </c>
      <c r="Y51" s="1007">
        <v>11081528</v>
      </c>
      <c r="Z51" s="1107">
        <v>6.65</v>
      </c>
      <c r="AA51" s="763"/>
      <c r="AB51" s="783">
        <v>166607895</v>
      </c>
      <c r="AC51" s="782">
        <v>14791095</v>
      </c>
      <c r="AD51" s="782">
        <v>896006</v>
      </c>
      <c r="AE51" s="782">
        <v>3216350</v>
      </c>
      <c r="AF51" s="782">
        <v>18210085</v>
      </c>
      <c r="AG51" s="1106">
        <v>-1835817</v>
      </c>
      <c r="AH51" s="788">
        <v>127658542</v>
      </c>
    </row>
    <row r="52" spans="1:34" ht="13.5" customHeight="1" thickBot="1" x14ac:dyDescent="0.2">
      <c r="A52" s="1683" t="s">
        <v>706</v>
      </c>
      <c r="B52" s="1684"/>
      <c r="C52" s="1102">
        <v>6</v>
      </c>
      <c r="D52" s="1102">
        <v>0</v>
      </c>
      <c r="E52" s="1105"/>
      <c r="F52" s="1104"/>
      <c r="G52" s="1103"/>
      <c r="H52" s="1102">
        <v>0</v>
      </c>
      <c r="I52" s="1101">
        <v>0</v>
      </c>
      <c r="J52" s="772"/>
      <c r="K52" s="770"/>
      <c r="L52" s="771"/>
      <c r="M52" s="770"/>
      <c r="N52" s="770"/>
      <c r="O52" s="760" t="s">
        <v>735</v>
      </c>
      <c r="P52" s="769" t="s">
        <v>736</v>
      </c>
      <c r="Q52" s="1683" t="s">
        <v>612</v>
      </c>
      <c r="R52" s="1684"/>
      <c r="S52" s="760" t="s">
        <v>735</v>
      </c>
      <c r="T52" s="760" t="s">
        <v>735</v>
      </c>
      <c r="U52" s="760" t="s">
        <v>735</v>
      </c>
      <c r="V52" s="760" t="s">
        <v>735</v>
      </c>
      <c r="W52" s="760" t="s">
        <v>734</v>
      </c>
      <c r="X52" s="760" t="s">
        <v>735</v>
      </c>
      <c r="Y52" s="760" t="s">
        <v>734</v>
      </c>
      <c r="Z52" s="769" t="s">
        <v>735</v>
      </c>
      <c r="AA52" s="763"/>
      <c r="AB52" s="762">
        <v>18078851</v>
      </c>
      <c r="AC52" s="760" t="s">
        <v>735</v>
      </c>
      <c r="AD52" s="761">
        <v>2908800</v>
      </c>
      <c r="AE52" s="1004">
        <v>150</v>
      </c>
      <c r="AF52" s="760" t="s">
        <v>735</v>
      </c>
      <c r="AG52" s="1100"/>
      <c r="AH52" s="759">
        <v>15169901</v>
      </c>
    </row>
    <row r="53" spans="1:34" ht="13.5" customHeight="1" thickTop="1" thickBot="1" x14ac:dyDescent="0.2">
      <c r="A53" s="1664" t="s">
        <v>705</v>
      </c>
      <c r="B53" s="1665"/>
      <c r="C53" s="1099">
        <v>20</v>
      </c>
      <c r="D53" s="1098">
        <v>19</v>
      </c>
      <c r="E53" s="757"/>
      <c r="F53" s="756"/>
      <c r="G53" s="755"/>
      <c r="H53" s="753">
        <v>33</v>
      </c>
      <c r="I53" s="752">
        <v>3</v>
      </c>
      <c r="J53" s="750"/>
      <c r="K53" s="749"/>
      <c r="L53" s="749"/>
      <c r="M53" s="749"/>
      <c r="N53" s="749"/>
      <c r="O53" s="742">
        <v>1579104491</v>
      </c>
      <c r="P53" s="741">
        <v>289678</v>
      </c>
      <c r="Q53" s="1664" t="s">
        <v>611</v>
      </c>
      <c r="R53" s="1665"/>
      <c r="S53" s="997">
        <v>103325351</v>
      </c>
      <c r="T53" s="1000">
        <v>62.019999999999996</v>
      </c>
      <c r="U53" s="997">
        <v>46800</v>
      </c>
      <c r="V53" s="1000">
        <v>0.03</v>
      </c>
      <c r="W53" s="997">
        <v>52154215</v>
      </c>
      <c r="X53" s="1000">
        <v>31.3</v>
      </c>
      <c r="Y53" s="997">
        <v>11081528</v>
      </c>
      <c r="Z53" s="1097">
        <v>6.65</v>
      </c>
      <c r="AA53" s="744"/>
      <c r="AB53" s="743">
        <v>184686746</v>
      </c>
      <c r="AC53" s="742">
        <v>14791095</v>
      </c>
      <c r="AD53" s="742">
        <v>3804806</v>
      </c>
      <c r="AE53" s="742">
        <v>3216500</v>
      </c>
      <c r="AF53" s="742">
        <v>18210085</v>
      </c>
      <c r="AG53" s="1096">
        <v>-1835817</v>
      </c>
      <c r="AH53" s="741">
        <v>142828443</v>
      </c>
    </row>
    <row r="54" spans="1:34" ht="13.5" customHeight="1" x14ac:dyDescent="0.15">
      <c r="D54" s="1093"/>
      <c r="E54" s="1095"/>
      <c r="F54" s="1094"/>
      <c r="G54" s="1094"/>
      <c r="H54" s="1093"/>
      <c r="J54" s="1666" t="s">
        <v>704</v>
      </c>
      <c r="K54" s="1666"/>
      <c r="L54" s="1666"/>
      <c r="M54" s="1666"/>
    </row>
    <row r="56" spans="1:34" x14ac:dyDescent="0.15">
      <c r="A56" s="1257"/>
      <c r="C56" s="1258"/>
      <c r="D56" s="1258"/>
      <c r="E56" s="1258"/>
      <c r="F56" s="1258"/>
      <c r="G56" s="1258"/>
      <c r="H56" s="1258"/>
      <c r="I56" s="1258"/>
      <c r="S56" s="1257"/>
      <c r="Y56" s="763"/>
      <c r="Z56" s="1259"/>
      <c r="AA56" s="763"/>
      <c r="AB56" s="1088"/>
      <c r="AD56" s="1260"/>
    </row>
    <row r="57" spans="1:34" x14ac:dyDescent="0.15">
      <c r="C57" s="1261"/>
      <c r="R57" s="1257"/>
      <c r="S57" s="1264"/>
    </row>
  </sheetData>
  <mergeCells count="32">
    <mergeCell ref="A53:B53"/>
    <mergeCell ref="A49:B49"/>
    <mergeCell ref="A50:B50"/>
    <mergeCell ref="A51:B51"/>
    <mergeCell ref="A52:B52"/>
    <mergeCell ref="AH1:AH2"/>
    <mergeCell ref="Q3:R5"/>
    <mergeCell ref="Q49:R49"/>
    <mergeCell ref="Q50:R50"/>
    <mergeCell ref="AB3:AB4"/>
    <mergeCell ref="S3:Z3"/>
    <mergeCell ref="S4:T4"/>
    <mergeCell ref="U4:V4"/>
    <mergeCell ref="W4:X4"/>
    <mergeCell ref="Y4:Z4"/>
    <mergeCell ref="AC3:AC4"/>
    <mergeCell ref="AG3:AG4"/>
    <mergeCell ref="A3:B5"/>
    <mergeCell ref="G4:G5"/>
    <mergeCell ref="C3:D3"/>
    <mergeCell ref="C4:C5"/>
    <mergeCell ref="D4:D5"/>
    <mergeCell ref="Q53:R53"/>
    <mergeCell ref="J54:M54"/>
    <mergeCell ref="J3:M3"/>
    <mergeCell ref="K46:P46"/>
    <mergeCell ref="E3:E5"/>
    <mergeCell ref="F3:G3"/>
    <mergeCell ref="F4:F5"/>
    <mergeCell ref="O3:P3"/>
    <mergeCell ref="Q51:R51"/>
    <mergeCell ref="Q52:R52"/>
  </mergeCells>
  <phoneticPr fontId="6"/>
  <printOptions verticalCentered="1" gridLinesSet="0"/>
  <pageMargins left="0.78740157480314965" right="0" top="0.59055118110236227" bottom="0.59055118110236227" header="0.19685039370078741" footer="0.43307086614173229"/>
  <pageSetup paperSize="9" scale="80" orientation="landscape" blackAndWhite="1" r:id="rId1"/>
  <headerFooter alignWithMargins="0"/>
  <colBreaks count="1" manualBreakCount="1">
    <brk id="16" max="53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58"/>
  <sheetViews>
    <sheetView zoomScaleNormal="100" zoomScaleSheetLayoutView="100" workbookViewId="0"/>
  </sheetViews>
  <sheetFormatPr defaultColWidth="11.88671875" defaultRowHeight="10.8" x14ac:dyDescent="0.15"/>
  <cols>
    <col min="1" max="1" width="3.6640625" style="740" customWidth="1"/>
    <col min="2" max="2" width="10" style="740" customWidth="1"/>
    <col min="3" max="4" width="4.6640625" style="740" customWidth="1"/>
    <col min="5" max="5" width="6.109375" style="740" customWidth="1"/>
    <col min="6" max="6" width="4.6640625" style="740" customWidth="1"/>
    <col min="7" max="7" width="16.88671875" style="740" customWidth="1"/>
    <col min="8" max="8" width="16.77734375" style="740" customWidth="1"/>
    <col min="9" max="13" width="10.88671875" style="740" customWidth="1"/>
    <col min="14" max="14" width="11.77734375" style="740" customWidth="1"/>
    <col min="15" max="15" width="10.88671875" style="740" customWidth="1"/>
    <col min="16" max="16" width="3.6640625" style="740" customWidth="1"/>
    <col min="17" max="17" width="10" style="740" customWidth="1"/>
    <col min="18" max="18" width="11.6640625" style="740" customWidth="1"/>
    <col min="19" max="19" width="6.109375" style="740" customWidth="1"/>
    <col min="20" max="20" width="11.6640625" style="740" customWidth="1"/>
    <col min="21" max="21" width="6.109375" style="740" customWidth="1"/>
    <col min="22" max="22" width="11.6640625" style="740" customWidth="1"/>
    <col min="23" max="23" width="6" style="740" customWidth="1"/>
    <col min="24" max="24" width="11.6640625" style="740" customWidth="1"/>
    <col min="25" max="25" width="6.109375" style="740" customWidth="1"/>
    <col min="26" max="27" width="10.6640625" style="740" customWidth="1"/>
    <col min="28" max="29" width="8.6640625" style="740" customWidth="1"/>
    <col min="30" max="30" width="8.21875" style="740" bestFit="1" customWidth="1"/>
    <col min="31" max="31" width="9.109375" style="1256" bestFit="1" customWidth="1"/>
    <col min="32" max="32" width="9.44140625" style="740" bestFit="1" customWidth="1"/>
    <col min="33" max="16384" width="11.88671875" style="740"/>
  </cols>
  <sheetData>
    <row r="1" spans="1:32" ht="13.2" x14ac:dyDescent="0.2">
      <c r="A1" s="1090" t="s">
        <v>733</v>
      </c>
      <c r="B1" s="1088"/>
      <c r="D1" s="1088"/>
      <c r="E1" s="1088"/>
      <c r="F1" s="1088"/>
      <c r="G1" s="1088"/>
      <c r="H1" s="1088"/>
      <c r="I1" s="1088"/>
      <c r="J1" s="1088"/>
      <c r="K1" s="1088"/>
      <c r="L1" s="1088"/>
      <c r="M1" s="1088"/>
      <c r="N1" s="1088"/>
      <c r="O1" s="763"/>
      <c r="P1" s="1089" t="s">
        <v>732</v>
      </c>
      <c r="Q1" s="763"/>
      <c r="S1" s="1088"/>
      <c r="T1" s="763"/>
      <c r="U1" s="763"/>
      <c r="V1" s="763"/>
      <c r="X1" s="763"/>
      <c r="Y1" s="763"/>
      <c r="Z1" s="1088"/>
      <c r="AA1" s="1088"/>
      <c r="AB1" s="763"/>
      <c r="AC1" s="763"/>
      <c r="AD1" s="763"/>
      <c r="AE1" s="992"/>
      <c r="AF1" s="1694" t="s">
        <v>700</v>
      </c>
    </row>
    <row r="2" spans="1:32" ht="7.5" customHeight="1" thickBot="1" x14ac:dyDescent="0.2">
      <c r="A2" s="763"/>
      <c r="B2" s="763"/>
      <c r="C2" s="763"/>
      <c r="D2" s="763"/>
      <c r="E2" s="763"/>
      <c r="F2" s="763"/>
      <c r="G2" s="763"/>
      <c r="H2" s="763"/>
      <c r="I2" s="1086"/>
      <c r="J2" s="763"/>
      <c r="K2" s="763"/>
      <c r="L2" s="1086"/>
      <c r="M2" s="763"/>
      <c r="N2" s="763"/>
      <c r="O2" s="1087"/>
      <c r="P2" s="1086"/>
      <c r="Q2" s="1086"/>
      <c r="R2" s="763"/>
      <c r="S2" s="763"/>
      <c r="T2" s="763"/>
      <c r="U2" s="763"/>
      <c r="V2" s="763"/>
      <c r="W2" s="763"/>
      <c r="X2" s="763"/>
      <c r="Y2" s="763"/>
      <c r="Z2" s="763"/>
      <c r="AA2" s="763"/>
      <c r="AB2" s="763"/>
      <c r="AC2" s="763"/>
      <c r="AD2" s="763"/>
      <c r="AE2" s="992"/>
      <c r="AF2" s="1695"/>
    </row>
    <row r="3" spans="1:32" s="809" customFormat="1" ht="13.35" customHeight="1" x14ac:dyDescent="0.2">
      <c r="A3" s="1685" t="s">
        <v>0</v>
      </c>
      <c r="B3" s="1686"/>
      <c r="C3" s="1679" t="s">
        <v>698</v>
      </c>
      <c r="D3" s="1691"/>
      <c r="E3" s="1672" t="s">
        <v>697</v>
      </c>
      <c r="F3" s="1675" t="s">
        <v>696</v>
      </c>
      <c r="G3" s="1715"/>
      <c r="H3" s="1262" t="s">
        <v>731</v>
      </c>
      <c r="I3" s="1667" t="s">
        <v>692</v>
      </c>
      <c r="J3" s="1668"/>
      <c r="K3" s="1668"/>
      <c r="L3" s="1669"/>
      <c r="M3" s="989" t="s">
        <v>691</v>
      </c>
      <c r="N3" s="1679" t="s">
        <v>730</v>
      </c>
      <c r="O3" s="1680"/>
      <c r="P3" s="1685" t="s">
        <v>0</v>
      </c>
      <c r="Q3" s="1686"/>
      <c r="R3" s="1700" t="s">
        <v>729</v>
      </c>
      <c r="S3" s="1701"/>
      <c r="T3" s="1701"/>
      <c r="U3" s="1701"/>
      <c r="V3" s="1701"/>
      <c r="W3" s="1701"/>
      <c r="X3" s="1702"/>
      <c r="Y3" s="1703"/>
      <c r="Z3" s="1698" t="s">
        <v>728</v>
      </c>
      <c r="AA3" s="1708" t="s">
        <v>727</v>
      </c>
      <c r="AB3" s="987" t="s">
        <v>686</v>
      </c>
      <c r="AC3" s="987" t="s">
        <v>40</v>
      </c>
      <c r="AD3" s="987" t="s">
        <v>685</v>
      </c>
      <c r="AE3" s="1712" t="s">
        <v>726</v>
      </c>
      <c r="AF3" s="986" t="s">
        <v>725</v>
      </c>
    </row>
    <row r="4" spans="1:32" ht="12" customHeight="1" x14ac:dyDescent="0.15">
      <c r="A4" s="1687"/>
      <c r="B4" s="1688"/>
      <c r="C4" s="1692" t="s">
        <v>682</v>
      </c>
      <c r="D4" s="1692" t="s">
        <v>681</v>
      </c>
      <c r="E4" s="1673"/>
      <c r="F4" s="1692" t="s">
        <v>680</v>
      </c>
      <c r="G4" s="1692" t="s">
        <v>679</v>
      </c>
      <c r="H4" s="983" t="s">
        <v>678</v>
      </c>
      <c r="I4" s="985" t="s">
        <v>674</v>
      </c>
      <c r="J4" s="981" t="s">
        <v>673</v>
      </c>
      <c r="K4" s="1085" t="s">
        <v>672</v>
      </c>
      <c r="L4" s="984" t="s">
        <v>671</v>
      </c>
      <c r="M4" s="983" t="s">
        <v>670</v>
      </c>
      <c r="N4" s="981" t="s">
        <v>660</v>
      </c>
      <c r="O4" s="982" t="s">
        <v>669</v>
      </c>
      <c r="P4" s="1687"/>
      <c r="Q4" s="1688"/>
      <c r="R4" s="1704" t="s">
        <v>668</v>
      </c>
      <c r="S4" s="1705"/>
      <c r="T4" s="1706" t="s">
        <v>724</v>
      </c>
      <c r="U4" s="1705"/>
      <c r="V4" s="1706" t="s">
        <v>666</v>
      </c>
      <c r="W4" s="1704"/>
      <c r="X4" s="1706" t="s">
        <v>723</v>
      </c>
      <c r="Y4" s="1707"/>
      <c r="Z4" s="1699"/>
      <c r="AA4" s="1709"/>
      <c r="AB4" s="981" t="s">
        <v>664</v>
      </c>
      <c r="AC4" s="981" t="s">
        <v>664</v>
      </c>
      <c r="AD4" s="981" t="s">
        <v>663</v>
      </c>
      <c r="AE4" s="1713"/>
      <c r="AF4" s="954" t="s">
        <v>662</v>
      </c>
    </row>
    <row r="5" spans="1:32" ht="12" customHeight="1" thickBot="1" x14ac:dyDescent="0.2">
      <c r="A5" s="1689"/>
      <c r="B5" s="1690"/>
      <c r="C5" s="1693"/>
      <c r="D5" s="1693"/>
      <c r="E5" s="1674"/>
      <c r="F5" s="1714"/>
      <c r="G5" s="1714"/>
      <c r="H5" s="975" t="s">
        <v>661</v>
      </c>
      <c r="I5" s="973" t="s">
        <v>655</v>
      </c>
      <c r="J5" s="972" t="s">
        <v>655</v>
      </c>
      <c r="K5" s="1084" t="s">
        <v>123</v>
      </c>
      <c r="L5" s="979" t="s">
        <v>123</v>
      </c>
      <c r="M5" s="979" t="s">
        <v>658</v>
      </c>
      <c r="N5" s="972" t="s">
        <v>657</v>
      </c>
      <c r="O5" s="978" t="s">
        <v>657</v>
      </c>
      <c r="P5" s="1689"/>
      <c r="Q5" s="1690"/>
      <c r="R5" s="779" t="s">
        <v>656</v>
      </c>
      <c r="S5" s="779" t="s">
        <v>655</v>
      </c>
      <c r="T5" s="779" t="s">
        <v>656</v>
      </c>
      <c r="U5" s="779" t="s">
        <v>655</v>
      </c>
      <c r="V5" s="779" t="s">
        <v>656</v>
      </c>
      <c r="W5" s="779" t="s">
        <v>655</v>
      </c>
      <c r="X5" s="779" t="s">
        <v>656</v>
      </c>
      <c r="Y5" s="1083" t="s">
        <v>655</v>
      </c>
      <c r="Z5" s="973" t="s">
        <v>654</v>
      </c>
      <c r="AA5" s="972" t="s">
        <v>653</v>
      </c>
      <c r="AB5" s="972" t="s">
        <v>652</v>
      </c>
      <c r="AC5" s="972" t="s">
        <v>651</v>
      </c>
      <c r="AD5" s="972" t="s">
        <v>112</v>
      </c>
      <c r="AE5" s="1082" t="s">
        <v>650</v>
      </c>
      <c r="AF5" s="971" t="s">
        <v>649</v>
      </c>
    </row>
    <row r="6" spans="1:32" s="809" customFormat="1" ht="13.5" customHeight="1" thickTop="1" x14ac:dyDescent="0.15">
      <c r="A6" s="843">
        <v>1</v>
      </c>
      <c r="B6" s="842" t="s">
        <v>722</v>
      </c>
      <c r="C6" s="905" t="s">
        <v>622</v>
      </c>
      <c r="D6" s="1055"/>
      <c r="E6" s="908" t="s">
        <v>647</v>
      </c>
      <c r="F6" s="908">
        <v>10</v>
      </c>
      <c r="G6" s="1081" t="s">
        <v>634</v>
      </c>
      <c r="H6" s="905" t="s">
        <v>622</v>
      </c>
      <c r="I6" s="904">
        <v>2.17</v>
      </c>
      <c r="J6" s="1079">
        <v>0</v>
      </c>
      <c r="K6" s="1080">
        <v>10320</v>
      </c>
      <c r="L6" s="1079">
        <v>0</v>
      </c>
      <c r="M6" s="901">
        <v>19</v>
      </c>
      <c r="N6" s="845">
        <v>617019478</v>
      </c>
      <c r="O6" s="880">
        <v>0</v>
      </c>
      <c r="P6" s="843">
        <v>1</v>
      </c>
      <c r="Q6" s="842" t="s">
        <v>721</v>
      </c>
      <c r="R6" s="882">
        <v>13389323</v>
      </c>
      <c r="S6" s="1050">
        <v>65.16</v>
      </c>
      <c r="T6" s="882">
        <v>0</v>
      </c>
      <c r="U6" s="1050">
        <v>0</v>
      </c>
      <c r="V6" s="882">
        <v>7158076</v>
      </c>
      <c r="W6" s="1050">
        <v>34.840000000000003</v>
      </c>
      <c r="X6" s="882">
        <v>0</v>
      </c>
      <c r="Y6" s="1049">
        <v>0</v>
      </c>
      <c r="Z6" s="835">
        <v>20547399</v>
      </c>
      <c r="AA6" s="883">
        <v>1678352</v>
      </c>
      <c r="AB6" s="883">
        <v>1173</v>
      </c>
      <c r="AC6" s="883">
        <v>769811</v>
      </c>
      <c r="AD6" s="883">
        <v>2722365</v>
      </c>
      <c r="AE6" s="1048">
        <v>128763</v>
      </c>
      <c r="AF6" s="880">
        <v>15504461</v>
      </c>
    </row>
    <row r="7" spans="1:32" s="809" customFormat="1" ht="13.5" customHeight="1" x14ac:dyDescent="0.15">
      <c r="A7" s="843">
        <v>2</v>
      </c>
      <c r="B7" s="842" t="s">
        <v>2</v>
      </c>
      <c r="C7" s="898" t="s">
        <v>622</v>
      </c>
      <c r="D7" s="1078"/>
      <c r="E7" s="897">
        <v>2</v>
      </c>
      <c r="F7" s="897">
        <v>10</v>
      </c>
      <c r="G7" s="898" t="s">
        <v>634</v>
      </c>
      <c r="H7" s="898" t="s">
        <v>622</v>
      </c>
      <c r="I7" s="892">
        <v>2.4900000000000002</v>
      </c>
      <c r="J7" s="1058">
        <v>0</v>
      </c>
      <c r="K7" s="1056">
        <v>12610</v>
      </c>
      <c r="L7" s="1058">
        <v>0</v>
      </c>
      <c r="M7" s="889">
        <v>19</v>
      </c>
      <c r="N7" s="845">
        <v>258524467</v>
      </c>
      <c r="O7" s="880">
        <v>0</v>
      </c>
      <c r="P7" s="843">
        <v>2</v>
      </c>
      <c r="Q7" s="842" t="s">
        <v>2</v>
      </c>
      <c r="R7" s="882">
        <v>6437259</v>
      </c>
      <c r="S7" s="1050">
        <v>66.45</v>
      </c>
      <c r="T7" s="882">
        <v>0</v>
      </c>
      <c r="U7" s="1050">
        <v>0</v>
      </c>
      <c r="V7" s="882">
        <v>3249534</v>
      </c>
      <c r="W7" s="1050">
        <v>33.549999999999997</v>
      </c>
      <c r="X7" s="882">
        <v>0</v>
      </c>
      <c r="Y7" s="1049">
        <v>0</v>
      </c>
      <c r="Z7" s="835">
        <v>9686793</v>
      </c>
      <c r="AA7" s="883">
        <v>693951</v>
      </c>
      <c r="AB7" s="883">
        <v>106044</v>
      </c>
      <c r="AC7" s="883">
        <v>102123</v>
      </c>
      <c r="AD7" s="883">
        <v>1440451</v>
      </c>
      <c r="AE7" s="1048">
        <v>-6194</v>
      </c>
      <c r="AF7" s="880">
        <v>7338030</v>
      </c>
    </row>
    <row r="8" spans="1:32" s="809" customFormat="1" ht="13.5" customHeight="1" x14ac:dyDescent="0.15">
      <c r="A8" s="843">
        <v>3</v>
      </c>
      <c r="B8" s="842" t="s">
        <v>3</v>
      </c>
      <c r="C8" s="898" t="s">
        <v>622</v>
      </c>
      <c r="D8" s="1053"/>
      <c r="E8" s="897" t="s">
        <v>644</v>
      </c>
      <c r="F8" s="897">
        <v>10</v>
      </c>
      <c r="G8" s="898" t="s">
        <v>634</v>
      </c>
      <c r="H8" s="898" t="s">
        <v>622</v>
      </c>
      <c r="I8" s="892">
        <v>2.31</v>
      </c>
      <c r="J8" s="1058">
        <v>0</v>
      </c>
      <c r="K8" s="1056">
        <v>6510</v>
      </c>
      <c r="L8" s="918">
        <v>10490</v>
      </c>
      <c r="M8" s="889">
        <v>19</v>
      </c>
      <c r="N8" s="845">
        <v>59435972</v>
      </c>
      <c r="O8" s="880">
        <v>0</v>
      </c>
      <c r="P8" s="843">
        <v>3</v>
      </c>
      <c r="Q8" s="842" t="s">
        <v>3</v>
      </c>
      <c r="R8" s="834">
        <v>1353806</v>
      </c>
      <c r="S8" s="1050">
        <v>53.230000000000004</v>
      </c>
      <c r="T8" s="882">
        <v>0</v>
      </c>
      <c r="U8" s="1050">
        <v>0</v>
      </c>
      <c r="V8" s="882">
        <v>592130</v>
      </c>
      <c r="W8" s="1050">
        <v>23.29</v>
      </c>
      <c r="X8" s="882">
        <v>596976</v>
      </c>
      <c r="Y8" s="1049">
        <v>23.48</v>
      </c>
      <c r="Z8" s="835">
        <v>2542912</v>
      </c>
      <c r="AA8" s="883">
        <v>320219</v>
      </c>
      <c r="AB8" s="883">
        <v>8</v>
      </c>
      <c r="AC8" s="883">
        <v>51992</v>
      </c>
      <c r="AD8" s="883">
        <v>137490</v>
      </c>
      <c r="AE8" s="1048">
        <v>-1738</v>
      </c>
      <c r="AF8" s="880">
        <v>2031465</v>
      </c>
    </row>
    <row r="9" spans="1:32" s="809" customFormat="1" ht="13.5" customHeight="1" x14ac:dyDescent="0.15">
      <c r="A9" s="843">
        <v>4</v>
      </c>
      <c r="B9" s="842" t="s">
        <v>4</v>
      </c>
      <c r="C9" s="898"/>
      <c r="D9" s="898" t="s">
        <v>622</v>
      </c>
      <c r="E9" s="897">
        <v>3</v>
      </c>
      <c r="F9" s="897">
        <v>10</v>
      </c>
      <c r="G9" s="898" t="s">
        <v>634</v>
      </c>
      <c r="H9" s="898" t="s">
        <v>622</v>
      </c>
      <c r="I9" s="892">
        <v>2.39</v>
      </c>
      <c r="J9" s="1058">
        <v>0</v>
      </c>
      <c r="K9" s="1056">
        <v>9650</v>
      </c>
      <c r="L9" s="918">
        <v>6470</v>
      </c>
      <c r="M9" s="889">
        <v>19</v>
      </c>
      <c r="N9" s="845">
        <v>40073845</v>
      </c>
      <c r="O9" s="880">
        <v>0</v>
      </c>
      <c r="P9" s="843">
        <v>4</v>
      </c>
      <c r="Q9" s="842" t="s">
        <v>4</v>
      </c>
      <c r="R9" s="834">
        <v>957753</v>
      </c>
      <c r="S9" s="1050">
        <v>55.08</v>
      </c>
      <c r="T9" s="882">
        <v>0</v>
      </c>
      <c r="U9" s="1050">
        <v>0</v>
      </c>
      <c r="V9" s="882">
        <v>551507</v>
      </c>
      <c r="W9" s="1050">
        <v>31.72</v>
      </c>
      <c r="X9" s="882">
        <v>229496</v>
      </c>
      <c r="Y9" s="1049">
        <v>13.2</v>
      </c>
      <c r="Z9" s="835">
        <v>1738756</v>
      </c>
      <c r="AA9" s="883">
        <v>180243</v>
      </c>
      <c r="AB9" s="883">
        <v>8</v>
      </c>
      <c r="AC9" s="883">
        <v>518</v>
      </c>
      <c r="AD9" s="883">
        <v>140742</v>
      </c>
      <c r="AE9" s="1048">
        <v>-7642</v>
      </c>
      <c r="AF9" s="880">
        <v>1409603</v>
      </c>
    </row>
    <row r="10" spans="1:32" s="809" customFormat="1" ht="13.5" customHeight="1" x14ac:dyDescent="0.15">
      <c r="A10" s="843">
        <v>5</v>
      </c>
      <c r="B10" s="842" t="s">
        <v>5</v>
      </c>
      <c r="C10" s="898" t="s">
        <v>622</v>
      </c>
      <c r="D10" s="1053"/>
      <c r="E10" s="897" t="s">
        <v>644</v>
      </c>
      <c r="F10" s="897">
        <v>10</v>
      </c>
      <c r="G10" s="898" t="s">
        <v>634</v>
      </c>
      <c r="H10" s="898" t="s">
        <v>622</v>
      </c>
      <c r="I10" s="892">
        <v>2.4</v>
      </c>
      <c r="J10" s="1058">
        <v>0</v>
      </c>
      <c r="K10" s="1056">
        <v>8490</v>
      </c>
      <c r="L10" s="918">
        <v>5160</v>
      </c>
      <c r="M10" s="889">
        <v>19</v>
      </c>
      <c r="N10" s="845">
        <v>51022240</v>
      </c>
      <c r="O10" s="880">
        <v>0</v>
      </c>
      <c r="P10" s="843">
        <v>5</v>
      </c>
      <c r="Q10" s="842" t="s">
        <v>5</v>
      </c>
      <c r="R10" s="834">
        <v>1224525</v>
      </c>
      <c r="S10" s="1050">
        <v>71.569999999999993</v>
      </c>
      <c r="T10" s="882">
        <v>0</v>
      </c>
      <c r="U10" s="1050">
        <v>0</v>
      </c>
      <c r="V10" s="882">
        <v>348777</v>
      </c>
      <c r="W10" s="1050">
        <v>20.39</v>
      </c>
      <c r="X10" s="882">
        <v>137569</v>
      </c>
      <c r="Y10" s="1049">
        <v>8.0399999999999991</v>
      </c>
      <c r="Z10" s="835">
        <v>1710872</v>
      </c>
      <c r="AA10" s="883">
        <v>109888</v>
      </c>
      <c r="AB10" s="883">
        <v>0</v>
      </c>
      <c r="AC10" s="883">
        <v>21958</v>
      </c>
      <c r="AD10" s="883">
        <v>442925</v>
      </c>
      <c r="AE10" s="1048">
        <v>-150503</v>
      </c>
      <c r="AF10" s="880">
        <v>985598</v>
      </c>
    </row>
    <row r="11" spans="1:32" s="809" customFormat="1" ht="13.5" customHeight="1" x14ac:dyDescent="0.15">
      <c r="A11" s="843">
        <v>6</v>
      </c>
      <c r="B11" s="842" t="s">
        <v>6</v>
      </c>
      <c r="C11" s="898" t="s">
        <v>622</v>
      </c>
      <c r="D11" s="1053"/>
      <c r="E11" s="897" t="s">
        <v>644</v>
      </c>
      <c r="F11" s="897">
        <v>10</v>
      </c>
      <c r="G11" s="898" t="s">
        <v>634</v>
      </c>
      <c r="H11" s="898" t="s">
        <v>622</v>
      </c>
      <c r="I11" s="892">
        <v>2.4900000000000002</v>
      </c>
      <c r="J11" s="1058">
        <v>0</v>
      </c>
      <c r="K11" s="1056">
        <v>9840</v>
      </c>
      <c r="L11" s="918">
        <v>6840</v>
      </c>
      <c r="M11" s="889">
        <v>19</v>
      </c>
      <c r="N11" s="845">
        <v>74899630</v>
      </c>
      <c r="O11" s="880">
        <v>0</v>
      </c>
      <c r="P11" s="843">
        <v>6</v>
      </c>
      <c r="Q11" s="842" t="s">
        <v>6</v>
      </c>
      <c r="R11" s="834">
        <v>1864983</v>
      </c>
      <c r="S11" s="1050">
        <v>61.17</v>
      </c>
      <c r="T11" s="882">
        <v>0</v>
      </c>
      <c r="U11" s="1050">
        <v>0</v>
      </c>
      <c r="V11" s="882">
        <v>824897</v>
      </c>
      <c r="W11" s="1050">
        <v>27.05</v>
      </c>
      <c r="X11" s="882">
        <v>359197</v>
      </c>
      <c r="Y11" s="1049">
        <v>11.78</v>
      </c>
      <c r="Z11" s="835">
        <v>3049077</v>
      </c>
      <c r="AA11" s="883">
        <v>285345</v>
      </c>
      <c r="AB11" s="883">
        <v>61925</v>
      </c>
      <c r="AC11" s="883">
        <v>3888</v>
      </c>
      <c r="AD11" s="883">
        <v>422817</v>
      </c>
      <c r="AE11" s="1048">
        <v>30788</v>
      </c>
      <c r="AF11" s="880">
        <v>2305890</v>
      </c>
    </row>
    <row r="12" spans="1:32" s="809" customFormat="1" ht="13.5" customHeight="1" x14ac:dyDescent="0.15">
      <c r="A12" s="843">
        <v>7</v>
      </c>
      <c r="B12" s="842" t="s">
        <v>7</v>
      </c>
      <c r="C12" s="898" t="s">
        <v>622</v>
      </c>
      <c r="D12" s="1053"/>
      <c r="E12" s="897">
        <v>3</v>
      </c>
      <c r="F12" s="897">
        <v>10</v>
      </c>
      <c r="G12" s="898" t="s">
        <v>634</v>
      </c>
      <c r="H12" s="898" t="s">
        <v>622</v>
      </c>
      <c r="I12" s="892">
        <v>2.71</v>
      </c>
      <c r="J12" s="1058">
        <v>0</v>
      </c>
      <c r="K12" s="1056">
        <v>8756</v>
      </c>
      <c r="L12" s="918">
        <v>6910</v>
      </c>
      <c r="M12" s="889">
        <v>19</v>
      </c>
      <c r="N12" s="845">
        <v>33557539</v>
      </c>
      <c r="O12" s="880">
        <v>0</v>
      </c>
      <c r="P12" s="843">
        <v>7</v>
      </c>
      <c r="Q12" s="842" t="s">
        <v>7</v>
      </c>
      <c r="R12" s="834">
        <v>916250</v>
      </c>
      <c r="S12" s="1050">
        <v>60.08</v>
      </c>
      <c r="T12" s="882">
        <v>0</v>
      </c>
      <c r="U12" s="1050">
        <v>0</v>
      </c>
      <c r="V12" s="882">
        <v>403030</v>
      </c>
      <c r="W12" s="1050">
        <v>26.43</v>
      </c>
      <c r="X12" s="882">
        <v>205676</v>
      </c>
      <c r="Y12" s="1049">
        <v>13.49</v>
      </c>
      <c r="Z12" s="835">
        <v>1524956</v>
      </c>
      <c r="AA12" s="883">
        <v>153547</v>
      </c>
      <c r="AB12" s="883">
        <v>21033</v>
      </c>
      <c r="AC12" s="883">
        <v>1583</v>
      </c>
      <c r="AD12" s="883">
        <v>115694</v>
      </c>
      <c r="AE12" s="1048">
        <v>-173765</v>
      </c>
      <c r="AF12" s="880">
        <v>1059334</v>
      </c>
    </row>
    <row r="13" spans="1:32" s="809" customFormat="1" ht="13.5" customHeight="1" x14ac:dyDescent="0.15">
      <c r="A13" s="843">
        <v>8</v>
      </c>
      <c r="B13" s="842" t="s">
        <v>8</v>
      </c>
      <c r="C13" s="898" t="s">
        <v>622</v>
      </c>
      <c r="D13" s="1053"/>
      <c r="E13" s="897">
        <v>3</v>
      </c>
      <c r="F13" s="897">
        <v>9</v>
      </c>
      <c r="G13" s="898" t="s">
        <v>645</v>
      </c>
      <c r="H13" s="898" t="s">
        <v>622</v>
      </c>
      <c r="I13" s="892">
        <v>2.71</v>
      </c>
      <c r="J13" s="1058">
        <v>0</v>
      </c>
      <c r="K13" s="1056">
        <v>7800</v>
      </c>
      <c r="L13" s="918">
        <v>10200</v>
      </c>
      <c r="M13" s="889">
        <v>19</v>
      </c>
      <c r="N13" s="845">
        <v>42755436</v>
      </c>
      <c r="O13" s="880">
        <v>0</v>
      </c>
      <c r="P13" s="843">
        <v>8</v>
      </c>
      <c r="Q13" s="842" t="s">
        <v>8</v>
      </c>
      <c r="R13" s="834">
        <v>1158672</v>
      </c>
      <c r="S13" s="1050">
        <v>62.019999999999996</v>
      </c>
      <c r="T13" s="882">
        <v>0</v>
      </c>
      <c r="U13" s="1050">
        <v>0</v>
      </c>
      <c r="V13" s="882">
        <v>390920</v>
      </c>
      <c r="W13" s="1050">
        <v>20.93</v>
      </c>
      <c r="X13" s="882">
        <v>318431</v>
      </c>
      <c r="Y13" s="1049">
        <v>17.05</v>
      </c>
      <c r="Z13" s="835">
        <v>1868023</v>
      </c>
      <c r="AA13" s="883">
        <v>171996</v>
      </c>
      <c r="AB13" s="883">
        <v>31009</v>
      </c>
      <c r="AC13" s="883">
        <v>3204</v>
      </c>
      <c r="AD13" s="883">
        <v>251656</v>
      </c>
      <c r="AE13" s="1048">
        <v>-6230</v>
      </c>
      <c r="AF13" s="880">
        <v>1403928</v>
      </c>
    </row>
    <row r="14" spans="1:32" s="809" customFormat="1" ht="13.5" customHeight="1" x14ac:dyDescent="0.15">
      <c r="A14" s="843">
        <v>9</v>
      </c>
      <c r="B14" s="842" t="s">
        <v>9</v>
      </c>
      <c r="C14" s="898" t="s">
        <v>622</v>
      </c>
      <c r="D14" s="1053"/>
      <c r="E14" s="897" t="s">
        <v>644</v>
      </c>
      <c r="F14" s="897">
        <v>10</v>
      </c>
      <c r="G14" s="898" t="s">
        <v>634</v>
      </c>
      <c r="H14" s="898" t="s">
        <v>622</v>
      </c>
      <c r="I14" s="892">
        <v>2.75</v>
      </c>
      <c r="J14" s="1058">
        <v>0</v>
      </c>
      <c r="K14" s="1056">
        <v>8900</v>
      </c>
      <c r="L14" s="918">
        <v>7200</v>
      </c>
      <c r="M14" s="889">
        <v>19</v>
      </c>
      <c r="N14" s="845">
        <v>13354826</v>
      </c>
      <c r="O14" s="880">
        <v>0</v>
      </c>
      <c r="P14" s="843">
        <v>9</v>
      </c>
      <c r="Q14" s="842" t="s">
        <v>9</v>
      </c>
      <c r="R14" s="834">
        <v>367241</v>
      </c>
      <c r="S14" s="1050">
        <v>65.27</v>
      </c>
      <c r="T14" s="882">
        <v>0</v>
      </c>
      <c r="U14" s="1050">
        <v>0</v>
      </c>
      <c r="V14" s="882">
        <v>129600</v>
      </c>
      <c r="W14" s="1050">
        <v>23.03</v>
      </c>
      <c r="X14" s="882">
        <v>65854</v>
      </c>
      <c r="Y14" s="1049">
        <v>11.7</v>
      </c>
      <c r="Z14" s="835">
        <v>562695</v>
      </c>
      <c r="AA14" s="883">
        <v>41150</v>
      </c>
      <c r="AB14" s="883">
        <v>10852</v>
      </c>
      <c r="AC14" s="883">
        <v>728</v>
      </c>
      <c r="AD14" s="883">
        <v>70694</v>
      </c>
      <c r="AE14" s="1048">
        <v>-75751</v>
      </c>
      <c r="AF14" s="880">
        <v>363520</v>
      </c>
    </row>
    <row r="15" spans="1:32" s="809" customFormat="1" ht="13.5" customHeight="1" x14ac:dyDescent="0.15">
      <c r="A15" s="843">
        <v>10</v>
      </c>
      <c r="B15" s="842" t="s">
        <v>10</v>
      </c>
      <c r="C15" s="1053"/>
      <c r="D15" s="898" t="s">
        <v>622</v>
      </c>
      <c r="E15" s="897">
        <v>3</v>
      </c>
      <c r="F15" s="897">
        <v>10</v>
      </c>
      <c r="G15" s="898" t="s">
        <v>634</v>
      </c>
      <c r="H15" s="898" t="s">
        <v>622</v>
      </c>
      <c r="I15" s="892">
        <v>2.1</v>
      </c>
      <c r="J15" s="1058">
        <v>0</v>
      </c>
      <c r="K15" s="1056">
        <v>9500</v>
      </c>
      <c r="L15" s="918">
        <v>6000</v>
      </c>
      <c r="M15" s="889">
        <v>19</v>
      </c>
      <c r="N15" s="845">
        <v>123413619</v>
      </c>
      <c r="O15" s="880">
        <v>0</v>
      </c>
      <c r="P15" s="843">
        <v>10</v>
      </c>
      <c r="Q15" s="842" t="s">
        <v>10</v>
      </c>
      <c r="R15" s="834">
        <v>2591657</v>
      </c>
      <c r="S15" s="1050">
        <v>56.07</v>
      </c>
      <c r="T15" s="882">
        <v>0</v>
      </c>
      <c r="U15" s="1050">
        <v>0</v>
      </c>
      <c r="V15" s="882">
        <v>1442309</v>
      </c>
      <c r="W15" s="1050">
        <v>31.2</v>
      </c>
      <c r="X15" s="882">
        <v>588320</v>
      </c>
      <c r="Y15" s="1049">
        <v>12.73</v>
      </c>
      <c r="Z15" s="835">
        <v>4622286</v>
      </c>
      <c r="AA15" s="883">
        <v>477923</v>
      </c>
      <c r="AB15" s="883">
        <v>35964</v>
      </c>
      <c r="AC15" s="883">
        <v>10020</v>
      </c>
      <c r="AD15" s="883">
        <v>357469</v>
      </c>
      <c r="AE15" s="1048">
        <v>-35057</v>
      </c>
      <c r="AF15" s="880">
        <v>3705853</v>
      </c>
    </row>
    <row r="16" spans="1:32" s="809" customFormat="1" ht="13.5" customHeight="1" x14ac:dyDescent="0.15">
      <c r="A16" s="843">
        <v>11</v>
      </c>
      <c r="B16" s="842" t="s">
        <v>11</v>
      </c>
      <c r="C16" s="1053"/>
      <c r="D16" s="898" t="s">
        <v>622</v>
      </c>
      <c r="E16" s="897">
        <v>2</v>
      </c>
      <c r="F16" s="897">
        <v>10</v>
      </c>
      <c r="G16" s="898" t="s">
        <v>634</v>
      </c>
      <c r="H16" s="898" t="s">
        <v>622</v>
      </c>
      <c r="I16" s="892">
        <v>2.36</v>
      </c>
      <c r="J16" s="1058">
        <v>0</v>
      </c>
      <c r="K16" s="1056">
        <v>14100</v>
      </c>
      <c r="L16" s="1058">
        <v>0</v>
      </c>
      <c r="M16" s="889">
        <v>19</v>
      </c>
      <c r="N16" s="845">
        <v>8626572</v>
      </c>
      <c r="O16" s="880">
        <v>0</v>
      </c>
      <c r="P16" s="843">
        <v>11</v>
      </c>
      <c r="Q16" s="842" t="s">
        <v>11</v>
      </c>
      <c r="R16" s="834">
        <v>203584</v>
      </c>
      <c r="S16" s="1050">
        <v>53.13</v>
      </c>
      <c r="T16" s="882">
        <v>0</v>
      </c>
      <c r="U16" s="1050">
        <v>0</v>
      </c>
      <c r="V16" s="882">
        <v>179592</v>
      </c>
      <c r="W16" s="1050">
        <v>46.87</v>
      </c>
      <c r="X16" s="882">
        <v>0</v>
      </c>
      <c r="Y16" s="1049">
        <v>0</v>
      </c>
      <c r="Z16" s="835">
        <v>383176</v>
      </c>
      <c r="AA16" s="883">
        <v>42382</v>
      </c>
      <c r="AB16" s="883">
        <v>0</v>
      </c>
      <c r="AC16" s="883">
        <v>5197</v>
      </c>
      <c r="AD16" s="883">
        <v>21112</v>
      </c>
      <c r="AE16" s="1048">
        <v>-3584</v>
      </c>
      <c r="AF16" s="880">
        <v>310901</v>
      </c>
    </row>
    <row r="17" spans="1:33" s="809" customFormat="1" ht="13.5" customHeight="1" x14ac:dyDescent="0.15">
      <c r="A17" s="843">
        <v>12</v>
      </c>
      <c r="B17" s="842" t="s">
        <v>12</v>
      </c>
      <c r="C17" s="1053"/>
      <c r="D17" s="898" t="s">
        <v>622</v>
      </c>
      <c r="E17" s="897">
        <v>3</v>
      </c>
      <c r="F17" s="897">
        <v>10</v>
      </c>
      <c r="G17" s="898" t="s">
        <v>634</v>
      </c>
      <c r="H17" s="898" t="s">
        <v>622</v>
      </c>
      <c r="I17" s="892">
        <v>2.37</v>
      </c>
      <c r="J17" s="1058">
        <v>0</v>
      </c>
      <c r="K17" s="1056">
        <v>6700</v>
      </c>
      <c r="L17" s="918">
        <v>7300</v>
      </c>
      <c r="M17" s="889">
        <v>19</v>
      </c>
      <c r="N17" s="845">
        <v>30914090</v>
      </c>
      <c r="O17" s="880">
        <v>0</v>
      </c>
      <c r="P17" s="843">
        <v>12</v>
      </c>
      <c r="Q17" s="842" t="s">
        <v>12</v>
      </c>
      <c r="R17" s="834">
        <v>732655</v>
      </c>
      <c r="S17" s="1050">
        <v>60.53</v>
      </c>
      <c r="T17" s="882">
        <v>0</v>
      </c>
      <c r="U17" s="1050">
        <v>0</v>
      </c>
      <c r="V17" s="882">
        <v>283015</v>
      </c>
      <c r="W17" s="1050">
        <v>23.38</v>
      </c>
      <c r="X17" s="882">
        <v>194799</v>
      </c>
      <c r="Y17" s="1049">
        <v>16.09</v>
      </c>
      <c r="Z17" s="835">
        <v>1210468</v>
      </c>
      <c r="AA17" s="883">
        <v>112988</v>
      </c>
      <c r="AB17" s="883">
        <v>9140</v>
      </c>
      <c r="AC17" s="883">
        <v>920</v>
      </c>
      <c r="AD17" s="883">
        <v>88686</v>
      </c>
      <c r="AE17" s="1048">
        <v>-124843</v>
      </c>
      <c r="AF17" s="880">
        <v>873891</v>
      </c>
    </row>
    <row r="18" spans="1:33" s="809" customFormat="1" ht="13.5" customHeight="1" x14ac:dyDescent="0.15">
      <c r="A18" s="843">
        <v>13</v>
      </c>
      <c r="B18" s="842" t="s">
        <v>13</v>
      </c>
      <c r="C18" s="898" t="s">
        <v>622</v>
      </c>
      <c r="D18" s="1053"/>
      <c r="E18" s="897">
        <v>3</v>
      </c>
      <c r="F18" s="897">
        <v>10</v>
      </c>
      <c r="G18" s="898" t="s">
        <v>634</v>
      </c>
      <c r="H18" s="898" t="s">
        <v>622</v>
      </c>
      <c r="I18" s="892">
        <v>2.15</v>
      </c>
      <c r="J18" s="1058">
        <v>0</v>
      </c>
      <c r="K18" s="1056">
        <v>7890</v>
      </c>
      <c r="L18" s="918">
        <v>7780</v>
      </c>
      <c r="M18" s="889">
        <v>19</v>
      </c>
      <c r="N18" s="845">
        <v>38825973</v>
      </c>
      <c r="O18" s="880">
        <v>0</v>
      </c>
      <c r="P18" s="843">
        <v>13</v>
      </c>
      <c r="Q18" s="842" t="s">
        <v>13</v>
      </c>
      <c r="R18" s="834">
        <v>815840</v>
      </c>
      <c r="S18" s="1050">
        <v>57.01</v>
      </c>
      <c r="T18" s="882">
        <v>0</v>
      </c>
      <c r="U18" s="1050">
        <v>0</v>
      </c>
      <c r="V18" s="882">
        <v>383009</v>
      </c>
      <c r="W18" s="1050">
        <v>26.76</v>
      </c>
      <c r="X18" s="882">
        <v>232281</v>
      </c>
      <c r="Y18" s="1049">
        <v>16.23</v>
      </c>
      <c r="Z18" s="835">
        <v>1431130</v>
      </c>
      <c r="AA18" s="883">
        <v>135300</v>
      </c>
      <c r="AB18" s="883">
        <v>16946</v>
      </c>
      <c r="AC18" s="883">
        <v>1333</v>
      </c>
      <c r="AD18" s="883">
        <v>120919</v>
      </c>
      <c r="AE18" s="1048">
        <v>27892</v>
      </c>
      <c r="AF18" s="880">
        <v>1184524</v>
      </c>
    </row>
    <row r="19" spans="1:33" s="809" customFormat="1" ht="13.5" customHeight="1" x14ac:dyDescent="0.15">
      <c r="A19" s="922">
        <v>14</v>
      </c>
      <c r="B19" s="842" t="s">
        <v>14</v>
      </c>
      <c r="C19" s="1053"/>
      <c r="D19" s="898" t="s">
        <v>622</v>
      </c>
      <c r="E19" s="897">
        <v>3</v>
      </c>
      <c r="F19" s="897">
        <v>10</v>
      </c>
      <c r="G19" s="898" t="s">
        <v>634</v>
      </c>
      <c r="H19" s="898" t="s">
        <v>622</v>
      </c>
      <c r="I19" s="892">
        <v>2.2000000000000002</v>
      </c>
      <c r="J19" s="1058">
        <v>0</v>
      </c>
      <c r="K19" s="1056">
        <v>7200</v>
      </c>
      <c r="L19" s="918">
        <v>7800</v>
      </c>
      <c r="M19" s="889">
        <v>19</v>
      </c>
      <c r="N19" s="845">
        <v>42325177</v>
      </c>
      <c r="O19" s="880">
        <v>0</v>
      </c>
      <c r="P19" s="922">
        <v>14</v>
      </c>
      <c r="Q19" s="842" t="s">
        <v>14</v>
      </c>
      <c r="R19" s="834">
        <v>931144</v>
      </c>
      <c r="S19" s="1050">
        <v>60.42</v>
      </c>
      <c r="T19" s="882">
        <v>0</v>
      </c>
      <c r="U19" s="1050">
        <v>0</v>
      </c>
      <c r="V19" s="882">
        <v>360734</v>
      </c>
      <c r="W19" s="1050">
        <v>23.41</v>
      </c>
      <c r="X19" s="834">
        <v>249237</v>
      </c>
      <c r="Y19" s="1049">
        <v>16.170000000000002</v>
      </c>
      <c r="Z19" s="835">
        <v>1541115</v>
      </c>
      <c r="AA19" s="883">
        <v>150372</v>
      </c>
      <c r="AB19" s="883">
        <v>16733</v>
      </c>
      <c r="AC19" s="883">
        <v>1038</v>
      </c>
      <c r="AD19" s="883">
        <v>176667</v>
      </c>
      <c r="AE19" s="1048">
        <v>-1063</v>
      </c>
      <c r="AF19" s="880">
        <v>1195242</v>
      </c>
    </row>
    <row r="20" spans="1:33" s="809" customFormat="1" ht="13.5" customHeight="1" x14ac:dyDescent="0.15">
      <c r="A20" s="922">
        <v>15</v>
      </c>
      <c r="B20" s="842" t="s">
        <v>15</v>
      </c>
      <c r="C20" s="1053"/>
      <c r="D20" s="898" t="s">
        <v>622</v>
      </c>
      <c r="E20" s="897">
        <v>3</v>
      </c>
      <c r="F20" s="897">
        <v>12</v>
      </c>
      <c r="G20" s="898" t="s">
        <v>635</v>
      </c>
      <c r="H20" s="898" t="s">
        <v>622</v>
      </c>
      <c r="I20" s="892">
        <v>2.2000000000000002</v>
      </c>
      <c r="J20" s="1058">
        <v>0</v>
      </c>
      <c r="K20" s="1056">
        <v>7800</v>
      </c>
      <c r="L20" s="918">
        <v>8700</v>
      </c>
      <c r="M20" s="889">
        <v>19</v>
      </c>
      <c r="N20" s="845">
        <v>16970589</v>
      </c>
      <c r="O20" s="880">
        <v>0</v>
      </c>
      <c r="P20" s="922">
        <v>15</v>
      </c>
      <c r="Q20" s="842" t="s">
        <v>15</v>
      </c>
      <c r="R20" s="834">
        <v>373353</v>
      </c>
      <c r="S20" s="1050">
        <v>58.1</v>
      </c>
      <c r="T20" s="882">
        <v>0</v>
      </c>
      <c r="U20" s="1050">
        <v>0</v>
      </c>
      <c r="V20" s="882">
        <v>160508</v>
      </c>
      <c r="W20" s="1050">
        <v>24.97</v>
      </c>
      <c r="X20" s="882">
        <v>108837</v>
      </c>
      <c r="Y20" s="1049">
        <v>16.93</v>
      </c>
      <c r="Z20" s="835">
        <v>642698</v>
      </c>
      <c r="AA20" s="883">
        <v>63225</v>
      </c>
      <c r="AB20" s="883">
        <v>2482</v>
      </c>
      <c r="AC20" s="883">
        <v>676</v>
      </c>
      <c r="AD20" s="883">
        <v>53414</v>
      </c>
      <c r="AE20" s="1048">
        <v>-1961</v>
      </c>
      <c r="AF20" s="880">
        <v>520940</v>
      </c>
    </row>
    <row r="21" spans="1:33" s="813" customFormat="1" ht="13.5" customHeight="1" x14ac:dyDescent="0.15">
      <c r="A21" s="922">
        <v>16</v>
      </c>
      <c r="B21" s="949" t="s">
        <v>16</v>
      </c>
      <c r="C21" s="1076"/>
      <c r="D21" s="898" t="s">
        <v>622</v>
      </c>
      <c r="E21" s="897">
        <v>3</v>
      </c>
      <c r="F21" s="897">
        <v>10</v>
      </c>
      <c r="G21" s="898" t="s">
        <v>634</v>
      </c>
      <c r="H21" s="898" t="s">
        <v>622</v>
      </c>
      <c r="I21" s="892">
        <v>1.9</v>
      </c>
      <c r="J21" s="1058">
        <v>0</v>
      </c>
      <c r="K21" s="1056">
        <v>8100</v>
      </c>
      <c r="L21" s="918">
        <v>6600</v>
      </c>
      <c r="M21" s="889">
        <v>19</v>
      </c>
      <c r="N21" s="845">
        <v>23050991</v>
      </c>
      <c r="O21" s="880">
        <v>0</v>
      </c>
      <c r="P21" s="922">
        <v>16</v>
      </c>
      <c r="Q21" s="842" t="s">
        <v>16</v>
      </c>
      <c r="R21" s="834">
        <v>437963</v>
      </c>
      <c r="S21" s="1050">
        <v>56.769999999999996</v>
      </c>
      <c r="T21" s="882">
        <v>0</v>
      </c>
      <c r="U21" s="1050">
        <v>0</v>
      </c>
      <c r="V21" s="834">
        <v>222580</v>
      </c>
      <c r="W21" s="1050">
        <v>28.85</v>
      </c>
      <c r="X21" s="882">
        <v>110931</v>
      </c>
      <c r="Y21" s="1049">
        <v>14.38</v>
      </c>
      <c r="Z21" s="835">
        <v>771474</v>
      </c>
      <c r="AA21" s="883">
        <v>78927</v>
      </c>
      <c r="AB21" s="883">
        <v>4620</v>
      </c>
      <c r="AC21" s="883">
        <v>1477</v>
      </c>
      <c r="AD21" s="883">
        <v>64662</v>
      </c>
      <c r="AE21" s="1048">
        <v>911</v>
      </c>
      <c r="AF21" s="880">
        <v>622699</v>
      </c>
      <c r="AG21" s="809"/>
    </row>
    <row r="22" spans="1:33" s="813" customFormat="1" ht="13.5" customHeight="1" x14ac:dyDescent="0.15">
      <c r="A22" s="922">
        <v>17</v>
      </c>
      <c r="B22" s="1077" t="s">
        <v>17</v>
      </c>
      <c r="C22" s="1076"/>
      <c r="D22" s="956" t="s">
        <v>622</v>
      </c>
      <c r="E22" s="959">
        <v>3</v>
      </c>
      <c r="F22" s="959">
        <v>10</v>
      </c>
      <c r="G22" s="956" t="s">
        <v>634</v>
      </c>
      <c r="H22" s="956" t="s">
        <v>622</v>
      </c>
      <c r="I22" s="953">
        <v>2.1</v>
      </c>
      <c r="J22" s="1057">
        <v>0</v>
      </c>
      <c r="K22" s="1056">
        <v>6400</v>
      </c>
      <c r="L22" s="951">
        <v>7000</v>
      </c>
      <c r="M22" s="950">
        <v>19</v>
      </c>
      <c r="N22" s="840">
        <v>30857949</v>
      </c>
      <c r="O22" s="942">
        <v>0</v>
      </c>
      <c r="P22" s="922">
        <v>17</v>
      </c>
      <c r="Q22" s="949" t="s">
        <v>17</v>
      </c>
      <c r="R22" s="1075">
        <v>530882</v>
      </c>
      <c r="S22" s="1068">
        <v>59.82</v>
      </c>
      <c r="T22" s="1023">
        <v>0</v>
      </c>
      <c r="U22" s="1068">
        <v>0</v>
      </c>
      <c r="V22" s="1023">
        <v>209600</v>
      </c>
      <c r="W22" s="1068">
        <v>23.62</v>
      </c>
      <c r="X22" s="1023">
        <v>146986</v>
      </c>
      <c r="Y22" s="1067">
        <v>16.559999999999999</v>
      </c>
      <c r="Z22" s="862">
        <v>887468</v>
      </c>
      <c r="AA22" s="944">
        <v>84045</v>
      </c>
      <c r="AB22" s="944">
        <v>10215</v>
      </c>
      <c r="AC22" s="944">
        <v>731</v>
      </c>
      <c r="AD22" s="944">
        <v>57087</v>
      </c>
      <c r="AE22" s="1032">
        <v>-117352</v>
      </c>
      <c r="AF22" s="942">
        <v>618038</v>
      </c>
    </row>
    <row r="23" spans="1:33" s="813" customFormat="1" ht="13.5" customHeight="1" x14ac:dyDescent="0.15">
      <c r="A23" s="922">
        <v>18</v>
      </c>
      <c r="B23" s="934" t="s">
        <v>18</v>
      </c>
      <c r="C23" s="898"/>
      <c r="D23" s="1053" t="s">
        <v>622</v>
      </c>
      <c r="E23" s="897">
        <v>3</v>
      </c>
      <c r="F23" s="897">
        <v>10</v>
      </c>
      <c r="G23" s="898" t="s">
        <v>634</v>
      </c>
      <c r="H23" s="1066" t="s">
        <v>622</v>
      </c>
      <c r="I23" s="891">
        <v>2.15</v>
      </c>
      <c r="J23" s="919">
        <v>0</v>
      </c>
      <c r="K23" s="1065">
        <v>9740</v>
      </c>
      <c r="L23" s="918">
        <v>10950</v>
      </c>
      <c r="M23" s="889">
        <v>19</v>
      </c>
      <c r="N23" s="834">
        <v>5932972</v>
      </c>
      <c r="O23" s="929">
        <v>0</v>
      </c>
      <c r="P23" s="922">
        <v>18</v>
      </c>
      <c r="Q23" s="934" t="s">
        <v>18</v>
      </c>
      <c r="R23" s="834">
        <v>124584</v>
      </c>
      <c r="S23" s="1064">
        <v>45.650000000000006</v>
      </c>
      <c r="T23" s="834">
        <v>0</v>
      </c>
      <c r="U23" s="1064">
        <v>0</v>
      </c>
      <c r="V23" s="834">
        <v>86131</v>
      </c>
      <c r="W23" s="1064">
        <v>31.56</v>
      </c>
      <c r="X23" s="834">
        <v>62196</v>
      </c>
      <c r="Y23" s="1063">
        <v>22.79</v>
      </c>
      <c r="Z23" s="856">
        <v>272911</v>
      </c>
      <c r="AA23" s="834">
        <v>31619</v>
      </c>
      <c r="AB23" s="834">
        <v>0</v>
      </c>
      <c r="AC23" s="834">
        <v>2211</v>
      </c>
      <c r="AD23" s="834">
        <v>8143</v>
      </c>
      <c r="AE23" s="1021">
        <v>-608</v>
      </c>
      <c r="AF23" s="929">
        <v>230330</v>
      </c>
    </row>
    <row r="24" spans="1:33" s="813" customFormat="1" ht="13.5" customHeight="1" x14ac:dyDescent="0.15">
      <c r="A24" s="922">
        <v>19</v>
      </c>
      <c r="B24" s="934" t="s">
        <v>20</v>
      </c>
      <c r="C24" s="898" t="s">
        <v>622</v>
      </c>
      <c r="D24" s="1053"/>
      <c r="E24" s="897">
        <v>3</v>
      </c>
      <c r="F24" s="897">
        <v>10</v>
      </c>
      <c r="G24" s="898" t="s">
        <v>634</v>
      </c>
      <c r="H24" s="898" t="s">
        <v>622</v>
      </c>
      <c r="I24" s="892">
        <v>2.4</v>
      </c>
      <c r="J24" s="919">
        <v>0</v>
      </c>
      <c r="K24" s="1065">
        <v>8500</v>
      </c>
      <c r="L24" s="918">
        <v>7500</v>
      </c>
      <c r="M24" s="889">
        <v>19</v>
      </c>
      <c r="N24" s="834">
        <v>7886126</v>
      </c>
      <c r="O24" s="929">
        <v>0</v>
      </c>
      <c r="P24" s="922">
        <v>19</v>
      </c>
      <c r="Q24" s="934" t="s">
        <v>20</v>
      </c>
      <c r="R24" s="834">
        <v>189265</v>
      </c>
      <c r="S24" s="1064">
        <v>65.02</v>
      </c>
      <c r="T24" s="834">
        <v>0</v>
      </c>
      <c r="U24" s="1064">
        <v>0</v>
      </c>
      <c r="V24" s="834">
        <v>67142</v>
      </c>
      <c r="W24" s="1064">
        <v>23.07</v>
      </c>
      <c r="X24" s="834">
        <v>34658</v>
      </c>
      <c r="Y24" s="1063">
        <v>11.91</v>
      </c>
      <c r="Z24" s="856">
        <v>291065</v>
      </c>
      <c r="AA24" s="834">
        <v>24107</v>
      </c>
      <c r="AB24" s="834">
        <v>9300</v>
      </c>
      <c r="AC24" s="834">
        <v>591</v>
      </c>
      <c r="AD24" s="834">
        <v>52409</v>
      </c>
      <c r="AE24" s="1021">
        <v>-1545</v>
      </c>
      <c r="AF24" s="929">
        <v>203113</v>
      </c>
    </row>
    <row r="25" spans="1:33" s="813" customFormat="1" ht="13.5" customHeight="1" x14ac:dyDescent="0.15">
      <c r="A25" s="922">
        <v>20</v>
      </c>
      <c r="B25" s="949" t="s">
        <v>21</v>
      </c>
      <c r="C25" s="1072" t="s">
        <v>622</v>
      </c>
      <c r="D25" s="1074"/>
      <c r="E25" s="1073">
        <v>3</v>
      </c>
      <c r="F25" s="1073">
        <v>10</v>
      </c>
      <c r="G25" s="1072" t="s">
        <v>634</v>
      </c>
      <c r="H25" s="1072" t="s">
        <v>622</v>
      </c>
      <c r="I25" s="1071">
        <v>2.7</v>
      </c>
      <c r="J25" s="1070">
        <v>0</v>
      </c>
      <c r="K25" s="1061">
        <v>11300</v>
      </c>
      <c r="L25" s="1069">
        <v>11000</v>
      </c>
      <c r="M25" s="966">
        <v>19</v>
      </c>
      <c r="N25" s="840">
        <v>8034172</v>
      </c>
      <c r="O25" s="942">
        <v>0</v>
      </c>
      <c r="P25" s="922">
        <v>20</v>
      </c>
      <c r="Q25" s="949" t="s">
        <v>21</v>
      </c>
      <c r="R25" s="1023">
        <v>216921</v>
      </c>
      <c r="S25" s="1068">
        <v>53.16</v>
      </c>
      <c r="T25" s="1023">
        <v>0</v>
      </c>
      <c r="U25" s="1068">
        <v>0</v>
      </c>
      <c r="V25" s="1023">
        <v>121260</v>
      </c>
      <c r="W25" s="1068">
        <v>29.72</v>
      </c>
      <c r="X25" s="1023">
        <v>69861</v>
      </c>
      <c r="Y25" s="1067">
        <v>17.12</v>
      </c>
      <c r="Z25" s="862">
        <v>408042</v>
      </c>
      <c r="AA25" s="944">
        <v>45538</v>
      </c>
      <c r="AB25" s="944">
        <v>2408</v>
      </c>
      <c r="AC25" s="944">
        <v>370</v>
      </c>
      <c r="AD25" s="944">
        <v>29974</v>
      </c>
      <c r="AE25" s="1032">
        <v>-3733</v>
      </c>
      <c r="AF25" s="942">
        <v>326019</v>
      </c>
    </row>
    <row r="26" spans="1:33" s="813" customFormat="1" ht="13.5" customHeight="1" x14ac:dyDescent="0.15">
      <c r="A26" s="922">
        <v>21</v>
      </c>
      <c r="B26" s="934" t="s">
        <v>19</v>
      </c>
      <c r="C26" s="1053"/>
      <c r="D26" s="898" t="s">
        <v>622</v>
      </c>
      <c r="E26" s="897">
        <v>3</v>
      </c>
      <c r="F26" s="897">
        <v>10</v>
      </c>
      <c r="G26" s="898" t="s">
        <v>634</v>
      </c>
      <c r="H26" s="1066" t="s">
        <v>622</v>
      </c>
      <c r="I26" s="891">
        <v>1.95</v>
      </c>
      <c r="J26" s="919">
        <v>0</v>
      </c>
      <c r="K26" s="1065">
        <v>6800</v>
      </c>
      <c r="L26" s="918">
        <v>7200</v>
      </c>
      <c r="M26" s="889">
        <v>19</v>
      </c>
      <c r="N26" s="834">
        <v>13781666</v>
      </c>
      <c r="O26" s="929">
        <v>0</v>
      </c>
      <c r="P26" s="922">
        <v>21</v>
      </c>
      <c r="Q26" s="934" t="s">
        <v>19</v>
      </c>
      <c r="R26" s="834">
        <v>272157</v>
      </c>
      <c r="S26" s="1064">
        <v>55.430000000000007</v>
      </c>
      <c r="T26" s="834">
        <v>0</v>
      </c>
      <c r="U26" s="1064">
        <v>0</v>
      </c>
      <c r="V26" s="834">
        <v>134178</v>
      </c>
      <c r="W26" s="1064">
        <v>27.33</v>
      </c>
      <c r="X26" s="834">
        <v>84641</v>
      </c>
      <c r="Y26" s="1063">
        <v>17.239999999999998</v>
      </c>
      <c r="Z26" s="856">
        <v>490976</v>
      </c>
      <c r="AA26" s="834">
        <v>45414</v>
      </c>
      <c r="AB26" s="834">
        <v>0</v>
      </c>
      <c r="AC26" s="834">
        <v>8737</v>
      </c>
      <c r="AD26" s="834">
        <v>32305</v>
      </c>
      <c r="AE26" s="1021">
        <v>2100</v>
      </c>
      <c r="AF26" s="929">
        <v>406620</v>
      </c>
    </row>
    <row r="27" spans="1:33" s="813" customFormat="1" ht="13.5" customHeight="1" x14ac:dyDescent="0.15">
      <c r="A27" s="922">
        <v>22</v>
      </c>
      <c r="B27" s="934" t="s">
        <v>22</v>
      </c>
      <c r="C27" s="1053"/>
      <c r="D27" s="898" t="s">
        <v>622</v>
      </c>
      <c r="E27" s="897">
        <v>2</v>
      </c>
      <c r="F27" s="897">
        <v>10</v>
      </c>
      <c r="G27" s="898" t="s">
        <v>634</v>
      </c>
      <c r="H27" s="1066" t="s">
        <v>622</v>
      </c>
      <c r="I27" s="891">
        <v>2.8</v>
      </c>
      <c r="J27" s="919">
        <v>0</v>
      </c>
      <c r="K27" s="1065">
        <v>13000</v>
      </c>
      <c r="L27" s="919">
        <v>0</v>
      </c>
      <c r="M27" s="889">
        <v>19</v>
      </c>
      <c r="N27" s="834">
        <v>6413510</v>
      </c>
      <c r="O27" s="929">
        <v>0</v>
      </c>
      <c r="P27" s="922">
        <v>22</v>
      </c>
      <c r="Q27" s="934" t="s">
        <v>22</v>
      </c>
      <c r="R27" s="834">
        <v>179576</v>
      </c>
      <c r="S27" s="1064">
        <v>64.2</v>
      </c>
      <c r="T27" s="834">
        <v>0</v>
      </c>
      <c r="U27" s="1064">
        <v>0</v>
      </c>
      <c r="V27" s="834">
        <v>100126</v>
      </c>
      <c r="W27" s="1064">
        <v>35.799999999999997</v>
      </c>
      <c r="X27" s="834">
        <v>0</v>
      </c>
      <c r="Y27" s="1063">
        <v>0</v>
      </c>
      <c r="Z27" s="856">
        <v>279702</v>
      </c>
      <c r="AA27" s="834">
        <v>23198</v>
      </c>
      <c r="AB27" s="834">
        <v>0</v>
      </c>
      <c r="AC27" s="834">
        <v>2365</v>
      </c>
      <c r="AD27" s="834">
        <v>41563</v>
      </c>
      <c r="AE27" s="1021">
        <v>520</v>
      </c>
      <c r="AF27" s="929">
        <v>213096</v>
      </c>
    </row>
    <row r="28" spans="1:33" s="813" customFormat="1" ht="13.5" customHeight="1" x14ac:dyDescent="0.15">
      <c r="A28" s="922">
        <v>23</v>
      </c>
      <c r="B28" s="842" t="s">
        <v>23</v>
      </c>
      <c r="C28" s="1055"/>
      <c r="D28" s="905" t="s">
        <v>622</v>
      </c>
      <c r="E28" s="908">
        <v>3</v>
      </c>
      <c r="F28" s="908">
        <v>10</v>
      </c>
      <c r="G28" s="905" t="s">
        <v>720</v>
      </c>
      <c r="H28" s="905" t="s">
        <v>622</v>
      </c>
      <c r="I28" s="904">
        <v>2.27</v>
      </c>
      <c r="J28" s="1062">
        <v>0</v>
      </c>
      <c r="K28" s="1061">
        <v>9696</v>
      </c>
      <c r="L28" s="927">
        <v>7928</v>
      </c>
      <c r="M28" s="901">
        <v>19</v>
      </c>
      <c r="N28" s="845">
        <v>4619247</v>
      </c>
      <c r="O28" s="880">
        <v>0</v>
      </c>
      <c r="P28" s="922">
        <v>23</v>
      </c>
      <c r="Q28" s="842" t="s">
        <v>23</v>
      </c>
      <c r="R28" s="882">
        <v>104885</v>
      </c>
      <c r="S28" s="1050">
        <v>52.54</v>
      </c>
      <c r="T28" s="882">
        <v>0</v>
      </c>
      <c r="U28" s="1050">
        <v>0</v>
      </c>
      <c r="V28" s="882">
        <v>63228</v>
      </c>
      <c r="W28" s="1050">
        <v>31.67</v>
      </c>
      <c r="X28" s="882">
        <v>31520</v>
      </c>
      <c r="Y28" s="1049">
        <v>15.79</v>
      </c>
      <c r="Z28" s="835">
        <v>199633</v>
      </c>
      <c r="AA28" s="883">
        <v>21468</v>
      </c>
      <c r="AB28" s="883">
        <v>1008</v>
      </c>
      <c r="AC28" s="883">
        <v>519</v>
      </c>
      <c r="AD28" s="883">
        <v>11378</v>
      </c>
      <c r="AE28" s="1048">
        <v>-2348</v>
      </c>
      <c r="AF28" s="880">
        <v>162912</v>
      </c>
      <c r="AG28" s="809"/>
    </row>
    <row r="29" spans="1:33" s="809" customFormat="1" ht="13.5" customHeight="1" x14ac:dyDescent="0.15">
      <c r="A29" s="922">
        <v>24</v>
      </c>
      <c r="B29" s="842" t="s">
        <v>24</v>
      </c>
      <c r="C29" s="1053"/>
      <c r="D29" s="898" t="s">
        <v>622</v>
      </c>
      <c r="E29" s="897" t="s">
        <v>637</v>
      </c>
      <c r="F29" s="897">
        <v>6</v>
      </c>
      <c r="G29" s="898" t="s">
        <v>640</v>
      </c>
      <c r="H29" s="898" t="s">
        <v>622</v>
      </c>
      <c r="I29" s="892">
        <v>1.34</v>
      </c>
      <c r="J29" s="1059">
        <v>1.75</v>
      </c>
      <c r="K29" s="1056">
        <v>6300</v>
      </c>
      <c r="L29" s="918">
        <v>6000</v>
      </c>
      <c r="M29" s="889">
        <v>19</v>
      </c>
      <c r="N29" s="845">
        <v>1725966</v>
      </c>
      <c r="O29" s="880">
        <v>100516</v>
      </c>
      <c r="P29" s="922">
        <v>24</v>
      </c>
      <c r="Q29" s="842" t="s">
        <v>24</v>
      </c>
      <c r="R29" s="834">
        <v>26007</v>
      </c>
      <c r="S29" s="1050">
        <v>48.5</v>
      </c>
      <c r="T29" s="882">
        <v>1853</v>
      </c>
      <c r="U29" s="1050">
        <v>3.46</v>
      </c>
      <c r="V29" s="882">
        <v>16494</v>
      </c>
      <c r="W29" s="1050">
        <v>30.76</v>
      </c>
      <c r="X29" s="882">
        <v>9264</v>
      </c>
      <c r="Y29" s="1049">
        <v>17.28</v>
      </c>
      <c r="Z29" s="835">
        <v>53617</v>
      </c>
      <c r="AA29" s="883">
        <v>5724</v>
      </c>
      <c r="AB29" s="883">
        <v>0</v>
      </c>
      <c r="AC29" s="883">
        <v>228</v>
      </c>
      <c r="AD29" s="883">
        <v>816</v>
      </c>
      <c r="AE29" s="1048">
        <v>-4699</v>
      </c>
      <c r="AF29" s="880">
        <v>42150</v>
      </c>
    </row>
    <row r="30" spans="1:33" s="809" customFormat="1" ht="13.5" customHeight="1" x14ac:dyDescent="0.15">
      <c r="A30" s="922">
        <v>25</v>
      </c>
      <c r="B30" s="842" t="s">
        <v>25</v>
      </c>
      <c r="C30" s="1053"/>
      <c r="D30" s="898" t="s">
        <v>622</v>
      </c>
      <c r="E30" s="897">
        <v>3</v>
      </c>
      <c r="F30" s="897">
        <v>10</v>
      </c>
      <c r="G30" s="898" t="s">
        <v>639</v>
      </c>
      <c r="H30" s="898" t="s">
        <v>622</v>
      </c>
      <c r="I30" s="892">
        <v>2.04</v>
      </c>
      <c r="J30" s="1058">
        <v>0</v>
      </c>
      <c r="K30" s="1056">
        <v>7500</v>
      </c>
      <c r="L30" s="918">
        <v>8000</v>
      </c>
      <c r="M30" s="889">
        <v>19</v>
      </c>
      <c r="N30" s="845">
        <v>2917142</v>
      </c>
      <c r="O30" s="880">
        <v>0</v>
      </c>
      <c r="P30" s="922">
        <v>25</v>
      </c>
      <c r="Q30" s="842" t="s">
        <v>25</v>
      </c>
      <c r="R30" s="834">
        <v>67961</v>
      </c>
      <c r="S30" s="1050">
        <v>56.04</v>
      </c>
      <c r="T30" s="882">
        <v>0</v>
      </c>
      <c r="U30" s="1050">
        <v>0</v>
      </c>
      <c r="V30" s="882">
        <v>32362</v>
      </c>
      <c r="W30" s="1050">
        <v>26.69</v>
      </c>
      <c r="X30" s="882">
        <v>20938</v>
      </c>
      <c r="Y30" s="1049">
        <v>17.27</v>
      </c>
      <c r="Z30" s="835">
        <v>121261</v>
      </c>
      <c r="AA30" s="883">
        <v>11814</v>
      </c>
      <c r="AB30" s="883">
        <v>1479</v>
      </c>
      <c r="AC30" s="883">
        <v>2000</v>
      </c>
      <c r="AD30" s="883">
        <v>5451</v>
      </c>
      <c r="AE30" s="1048">
        <v>-15085</v>
      </c>
      <c r="AF30" s="880">
        <v>85432</v>
      </c>
    </row>
    <row r="31" spans="1:33" s="809" customFormat="1" ht="13.5" customHeight="1" x14ac:dyDescent="0.15">
      <c r="A31" s="922">
        <v>26</v>
      </c>
      <c r="B31" s="842" t="s">
        <v>26</v>
      </c>
      <c r="C31" s="1053"/>
      <c r="D31" s="898" t="s">
        <v>622</v>
      </c>
      <c r="E31" s="897" t="s">
        <v>637</v>
      </c>
      <c r="F31" s="897">
        <v>10</v>
      </c>
      <c r="G31" s="898" t="s">
        <v>638</v>
      </c>
      <c r="H31" s="898" t="s">
        <v>622</v>
      </c>
      <c r="I31" s="892">
        <v>2.21</v>
      </c>
      <c r="J31" s="1059">
        <v>1</v>
      </c>
      <c r="K31" s="1056">
        <v>9420</v>
      </c>
      <c r="L31" s="918">
        <v>6410</v>
      </c>
      <c r="M31" s="889">
        <v>19</v>
      </c>
      <c r="N31" s="845">
        <v>1709253</v>
      </c>
      <c r="O31" s="880">
        <v>97784</v>
      </c>
      <c r="P31" s="922">
        <v>26</v>
      </c>
      <c r="Q31" s="842" t="s">
        <v>26</v>
      </c>
      <c r="R31" s="834">
        <v>37774</v>
      </c>
      <c r="S31" s="1050">
        <v>52.11</v>
      </c>
      <c r="T31" s="882">
        <v>978</v>
      </c>
      <c r="U31" s="1050">
        <v>1.35</v>
      </c>
      <c r="V31" s="882">
        <v>23738</v>
      </c>
      <c r="W31" s="1050">
        <v>32.75</v>
      </c>
      <c r="X31" s="882">
        <v>9996</v>
      </c>
      <c r="Y31" s="1049">
        <v>13.79</v>
      </c>
      <c r="Z31" s="835">
        <v>72486</v>
      </c>
      <c r="AA31" s="883">
        <v>8355</v>
      </c>
      <c r="AB31" s="883">
        <v>882</v>
      </c>
      <c r="AC31" s="883">
        <v>18</v>
      </c>
      <c r="AD31" s="883">
        <v>2397</v>
      </c>
      <c r="AE31" s="1048">
        <v>-4305</v>
      </c>
      <c r="AF31" s="880">
        <v>56529</v>
      </c>
    </row>
    <row r="32" spans="1:33" s="809" customFormat="1" ht="13.5" customHeight="1" x14ac:dyDescent="0.15">
      <c r="A32" s="843">
        <v>27</v>
      </c>
      <c r="B32" s="842" t="s">
        <v>27</v>
      </c>
      <c r="C32" s="1053"/>
      <c r="D32" s="898" t="s">
        <v>622</v>
      </c>
      <c r="E32" s="897" t="s">
        <v>637</v>
      </c>
      <c r="F32" s="897">
        <v>8</v>
      </c>
      <c r="G32" s="1060" t="s">
        <v>636</v>
      </c>
      <c r="H32" s="898" t="s">
        <v>622</v>
      </c>
      <c r="I32" s="892">
        <v>1.2</v>
      </c>
      <c r="J32" s="1059">
        <v>4.5999999999999996</v>
      </c>
      <c r="K32" s="1056">
        <v>8200</v>
      </c>
      <c r="L32" s="918">
        <v>6000</v>
      </c>
      <c r="M32" s="889">
        <v>19</v>
      </c>
      <c r="N32" s="845">
        <v>1861375</v>
      </c>
      <c r="O32" s="880">
        <v>91378</v>
      </c>
      <c r="P32" s="922">
        <v>27</v>
      </c>
      <c r="Q32" s="842" t="s">
        <v>27</v>
      </c>
      <c r="R32" s="834">
        <v>22336</v>
      </c>
      <c r="S32" s="1050">
        <v>38.57</v>
      </c>
      <c r="T32" s="882">
        <v>4202</v>
      </c>
      <c r="U32" s="1050">
        <v>7.25</v>
      </c>
      <c r="V32" s="882">
        <v>21550</v>
      </c>
      <c r="W32" s="1050">
        <v>37.21</v>
      </c>
      <c r="X32" s="882">
        <v>9831</v>
      </c>
      <c r="Y32" s="1049">
        <v>16.97</v>
      </c>
      <c r="Z32" s="835">
        <v>57919</v>
      </c>
      <c r="AA32" s="883">
        <v>6641</v>
      </c>
      <c r="AB32" s="883">
        <v>0</v>
      </c>
      <c r="AC32" s="883">
        <v>85</v>
      </c>
      <c r="AD32" s="883">
        <v>595</v>
      </c>
      <c r="AE32" s="1048">
        <v>-1003</v>
      </c>
      <c r="AF32" s="880">
        <v>49595</v>
      </c>
    </row>
    <row r="33" spans="1:32" s="809" customFormat="1" ht="13.5" customHeight="1" x14ac:dyDescent="0.15">
      <c r="A33" s="843">
        <v>28</v>
      </c>
      <c r="B33" s="842" t="s">
        <v>28</v>
      </c>
      <c r="C33" s="1053"/>
      <c r="D33" s="898" t="s">
        <v>622</v>
      </c>
      <c r="E33" s="897">
        <v>3</v>
      </c>
      <c r="F33" s="897">
        <v>10</v>
      </c>
      <c r="G33" s="898" t="s">
        <v>634</v>
      </c>
      <c r="H33" s="898" t="s">
        <v>622</v>
      </c>
      <c r="I33" s="892">
        <v>2.4</v>
      </c>
      <c r="J33" s="1058">
        <v>0</v>
      </c>
      <c r="K33" s="1056">
        <v>10200</v>
      </c>
      <c r="L33" s="918">
        <v>6800</v>
      </c>
      <c r="M33" s="889">
        <v>19</v>
      </c>
      <c r="N33" s="845">
        <v>2256068</v>
      </c>
      <c r="O33" s="880">
        <v>0</v>
      </c>
      <c r="P33" s="922">
        <v>28</v>
      </c>
      <c r="Q33" s="842" t="s">
        <v>28</v>
      </c>
      <c r="R33" s="834">
        <v>62316</v>
      </c>
      <c r="S33" s="1050">
        <v>54.760000000000005</v>
      </c>
      <c r="T33" s="882">
        <v>0</v>
      </c>
      <c r="U33" s="1050">
        <v>0</v>
      </c>
      <c r="V33" s="882">
        <v>36404</v>
      </c>
      <c r="W33" s="1050">
        <v>31.99</v>
      </c>
      <c r="X33" s="882">
        <v>15079</v>
      </c>
      <c r="Y33" s="1049">
        <v>13.25</v>
      </c>
      <c r="Z33" s="835">
        <v>113799</v>
      </c>
      <c r="AA33" s="883">
        <v>11487</v>
      </c>
      <c r="AB33" s="883">
        <v>0</v>
      </c>
      <c r="AC33" s="883">
        <v>824</v>
      </c>
      <c r="AD33" s="883">
        <v>4343</v>
      </c>
      <c r="AE33" s="1048">
        <v>-12767</v>
      </c>
      <c r="AF33" s="880">
        <v>84378</v>
      </c>
    </row>
    <row r="34" spans="1:32" s="809" customFormat="1" ht="13.5" customHeight="1" x14ac:dyDescent="0.15">
      <c r="A34" s="843">
        <v>29</v>
      </c>
      <c r="B34" s="842" t="s">
        <v>29</v>
      </c>
      <c r="C34" s="898" t="s">
        <v>622</v>
      </c>
      <c r="D34" s="1053"/>
      <c r="E34" s="897">
        <v>3</v>
      </c>
      <c r="F34" s="897">
        <v>10</v>
      </c>
      <c r="G34" s="898" t="s">
        <v>634</v>
      </c>
      <c r="H34" s="898" t="s">
        <v>622</v>
      </c>
      <c r="I34" s="892">
        <v>1.69</v>
      </c>
      <c r="J34" s="1058">
        <v>0</v>
      </c>
      <c r="K34" s="1056">
        <v>5530</v>
      </c>
      <c r="L34" s="918">
        <v>6220</v>
      </c>
      <c r="M34" s="889">
        <v>19</v>
      </c>
      <c r="N34" s="845">
        <v>2037106</v>
      </c>
      <c r="O34" s="880">
        <v>0</v>
      </c>
      <c r="P34" s="843">
        <v>29</v>
      </c>
      <c r="Q34" s="842" t="s">
        <v>29</v>
      </c>
      <c r="R34" s="834">
        <v>42362</v>
      </c>
      <c r="S34" s="1050">
        <v>56.03</v>
      </c>
      <c r="T34" s="882">
        <v>0</v>
      </c>
      <c r="U34" s="1050">
        <v>0</v>
      </c>
      <c r="V34" s="882">
        <v>18310</v>
      </c>
      <c r="W34" s="1050">
        <v>24.22</v>
      </c>
      <c r="X34" s="882">
        <v>14930</v>
      </c>
      <c r="Y34" s="1049">
        <v>19.75</v>
      </c>
      <c r="Z34" s="835">
        <v>75601</v>
      </c>
      <c r="AA34" s="883">
        <v>9175</v>
      </c>
      <c r="AB34" s="883">
        <v>2859</v>
      </c>
      <c r="AC34" s="883">
        <v>283</v>
      </c>
      <c r="AD34" s="883">
        <v>2457</v>
      </c>
      <c r="AE34" s="1048">
        <v>-11331</v>
      </c>
      <c r="AF34" s="880">
        <v>49496</v>
      </c>
    </row>
    <row r="35" spans="1:32" s="809" customFormat="1" ht="13.5" customHeight="1" x14ac:dyDescent="0.15">
      <c r="A35" s="843">
        <v>30</v>
      </c>
      <c r="B35" s="842" t="s">
        <v>30</v>
      </c>
      <c r="C35" s="1053"/>
      <c r="D35" s="898" t="s">
        <v>622</v>
      </c>
      <c r="E35" s="897">
        <v>3</v>
      </c>
      <c r="F35" s="897">
        <v>12</v>
      </c>
      <c r="G35" s="898" t="s">
        <v>635</v>
      </c>
      <c r="H35" s="898" t="s">
        <v>622</v>
      </c>
      <c r="I35" s="892">
        <v>1.77</v>
      </c>
      <c r="J35" s="919">
        <v>0</v>
      </c>
      <c r="K35" s="1056">
        <v>8710</v>
      </c>
      <c r="L35" s="918">
        <v>7180</v>
      </c>
      <c r="M35" s="889">
        <v>19</v>
      </c>
      <c r="N35" s="845">
        <v>1355644</v>
      </c>
      <c r="O35" s="880">
        <v>0</v>
      </c>
      <c r="P35" s="843">
        <v>30</v>
      </c>
      <c r="Q35" s="842" t="s">
        <v>30</v>
      </c>
      <c r="R35" s="834">
        <v>26022</v>
      </c>
      <c r="S35" s="1050">
        <v>45.94</v>
      </c>
      <c r="T35" s="882">
        <v>0</v>
      </c>
      <c r="U35" s="1050">
        <v>0</v>
      </c>
      <c r="V35" s="882">
        <v>20155</v>
      </c>
      <c r="W35" s="1050">
        <v>35.58</v>
      </c>
      <c r="X35" s="882">
        <v>10468</v>
      </c>
      <c r="Y35" s="1049">
        <v>18.48</v>
      </c>
      <c r="Z35" s="835">
        <v>56645</v>
      </c>
      <c r="AA35" s="883">
        <v>8352</v>
      </c>
      <c r="AB35" s="883">
        <v>0</v>
      </c>
      <c r="AC35" s="883">
        <v>690</v>
      </c>
      <c r="AD35" s="883">
        <v>438</v>
      </c>
      <c r="AE35" s="1048">
        <v>-4810</v>
      </c>
      <c r="AF35" s="880">
        <v>42355</v>
      </c>
    </row>
    <row r="36" spans="1:32" s="809" customFormat="1" ht="13.5" customHeight="1" x14ac:dyDescent="0.15">
      <c r="A36" s="843">
        <v>31</v>
      </c>
      <c r="B36" s="842" t="s">
        <v>31</v>
      </c>
      <c r="C36" s="898" t="s">
        <v>622</v>
      </c>
      <c r="D36" s="1053"/>
      <c r="E36" s="897">
        <v>3</v>
      </c>
      <c r="F36" s="897">
        <v>10</v>
      </c>
      <c r="G36" s="898" t="s">
        <v>634</v>
      </c>
      <c r="H36" s="898" t="s">
        <v>622</v>
      </c>
      <c r="I36" s="892">
        <v>2.42</v>
      </c>
      <c r="J36" s="1058">
        <v>0</v>
      </c>
      <c r="K36" s="1056">
        <v>9100</v>
      </c>
      <c r="L36" s="918">
        <v>7000</v>
      </c>
      <c r="M36" s="889">
        <v>19</v>
      </c>
      <c r="N36" s="845">
        <v>4873247</v>
      </c>
      <c r="O36" s="880">
        <v>0</v>
      </c>
      <c r="P36" s="843">
        <v>31</v>
      </c>
      <c r="Q36" s="842" t="s">
        <v>31</v>
      </c>
      <c r="R36" s="834">
        <v>117931</v>
      </c>
      <c r="S36" s="1050">
        <v>55.98</v>
      </c>
      <c r="T36" s="882">
        <v>0</v>
      </c>
      <c r="U36" s="1050">
        <v>0</v>
      </c>
      <c r="V36" s="882">
        <v>62162</v>
      </c>
      <c r="W36" s="1050">
        <v>29.51</v>
      </c>
      <c r="X36" s="882">
        <v>30569</v>
      </c>
      <c r="Y36" s="1049">
        <v>14.51</v>
      </c>
      <c r="Z36" s="835">
        <v>210662</v>
      </c>
      <c r="AA36" s="883">
        <v>25602</v>
      </c>
      <c r="AB36" s="883">
        <v>0</v>
      </c>
      <c r="AC36" s="883">
        <v>2670</v>
      </c>
      <c r="AD36" s="883">
        <v>14346</v>
      </c>
      <c r="AE36" s="1048">
        <v>-3973</v>
      </c>
      <c r="AF36" s="880">
        <v>164071</v>
      </c>
    </row>
    <row r="37" spans="1:32" s="809" customFormat="1" ht="13.5" customHeight="1" x14ac:dyDescent="0.15">
      <c r="A37" s="843">
        <v>32</v>
      </c>
      <c r="B37" s="842" t="s">
        <v>32</v>
      </c>
      <c r="C37" s="1053"/>
      <c r="D37" s="898" t="s">
        <v>622</v>
      </c>
      <c r="E37" s="897">
        <v>3</v>
      </c>
      <c r="F37" s="897">
        <v>10</v>
      </c>
      <c r="G37" s="898" t="s">
        <v>634</v>
      </c>
      <c r="H37" s="898" t="s">
        <v>622</v>
      </c>
      <c r="I37" s="892">
        <v>2.12</v>
      </c>
      <c r="J37" s="1058">
        <v>0</v>
      </c>
      <c r="K37" s="1056">
        <v>6600</v>
      </c>
      <c r="L37" s="918">
        <v>8600</v>
      </c>
      <c r="M37" s="889">
        <v>19</v>
      </c>
      <c r="N37" s="845">
        <v>7538826</v>
      </c>
      <c r="O37" s="880">
        <v>0</v>
      </c>
      <c r="P37" s="843">
        <v>32</v>
      </c>
      <c r="Q37" s="842" t="s">
        <v>32</v>
      </c>
      <c r="R37" s="834">
        <v>180690</v>
      </c>
      <c r="S37" s="1050">
        <v>55.84</v>
      </c>
      <c r="T37" s="882">
        <v>0</v>
      </c>
      <c r="U37" s="1050">
        <v>0</v>
      </c>
      <c r="V37" s="882">
        <v>80421</v>
      </c>
      <c r="W37" s="1050">
        <v>24.85</v>
      </c>
      <c r="X37" s="882">
        <v>62503</v>
      </c>
      <c r="Y37" s="1049">
        <v>19.309999999999999</v>
      </c>
      <c r="Z37" s="835">
        <v>323614</v>
      </c>
      <c r="AA37" s="883">
        <v>35413</v>
      </c>
      <c r="AB37" s="883">
        <v>0</v>
      </c>
      <c r="AC37" s="883">
        <v>7174</v>
      </c>
      <c r="AD37" s="883">
        <v>11516</v>
      </c>
      <c r="AE37" s="1048">
        <v>-42313</v>
      </c>
      <c r="AF37" s="880">
        <v>227198</v>
      </c>
    </row>
    <row r="38" spans="1:32" s="809" customFormat="1" ht="13.5" customHeight="1" thickBot="1" x14ac:dyDescent="0.2">
      <c r="A38" s="820">
        <v>33</v>
      </c>
      <c r="B38" s="819" t="s">
        <v>33</v>
      </c>
      <c r="C38" s="875" t="s">
        <v>622</v>
      </c>
      <c r="D38" s="1047"/>
      <c r="E38" s="878">
        <v>3</v>
      </c>
      <c r="F38" s="878">
        <v>10</v>
      </c>
      <c r="G38" s="898" t="s">
        <v>634</v>
      </c>
      <c r="H38" s="875" t="s">
        <v>622</v>
      </c>
      <c r="I38" s="916">
        <v>1.65</v>
      </c>
      <c r="J38" s="1057">
        <v>0</v>
      </c>
      <c r="K38" s="1056">
        <v>6740</v>
      </c>
      <c r="L38" s="913">
        <v>3180</v>
      </c>
      <c r="M38" s="912">
        <v>19</v>
      </c>
      <c r="N38" s="845">
        <v>533778</v>
      </c>
      <c r="O38" s="880">
        <v>0</v>
      </c>
      <c r="P38" s="820">
        <v>33</v>
      </c>
      <c r="Q38" s="819" t="s">
        <v>33</v>
      </c>
      <c r="R38" s="1044">
        <v>8807</v>
      </c>
      <c r="S38" s="1043">
        <v>56.589999999999996</v>
      </c>
      <c r="T38" s="860">
        <v>0</v>
      </c>
      <c r="U38" s="1043">
        <v>0</v>
      </c>
      <c r="V38" s="860">
        <v>5257</v>
      </c>
      <c r="W38" s="1043">
        <v>33.78</v>
      </c>
      <c r="X38" s="860">
        <v>1498</v>
      </c>
      <c r="Y38" s="1042">
        <v>9.6300000000000008</v>
      </c>
      <c r="Z38" s="911">
        <v>15562</v>
      </c>
      <c r="AA38" s="861">
        <v>1532</v>
      </c>
      <c r="AB38" s="861">
        <v>301</v>
      </c>
      <c r="AC38" s="861">
        <v>145</v>
      </c>
      <c r="AD38" s="861">
        <v>200</v>
      </c>
      <c r="AE38" s="1012">
        <v>128</v>
      </c>
      <c r="AF38" s="858">
        <v>13512</v>
      </c>
    </row>
    <row r="39" spans="1:32" s="809" customFormat="1" ht="13.5" hidden="1" customHeight="1" thickTop="1" x14ac:dyDescent="0.15">
      <c r="A39" s="843">
        <v>34</v>
      </c>
      <c r="B39" s="842" t="s">
        <v>34</v>
      </c>
      <c r="C39" s="1055"/>
      <c r="D39" s="905"/>
      <c r="E39" s="908"/>
      <c r="F39" s="908"/>
      <c r="G39" s="905"/>
      <c r="H39" s="905"/>
      <c r="I39" s="904"/>
      <c r="J39" s="903"/>
      <c r="K39" s="902"/>
      <c r="L39" s="902"/>
      <c r="M39" s="1054"/>
      <c r="N39" s="884" t="e">
        <v>#REF!</v>
      </c>
      <c r="O39" s="880" t="e">
        <v>#REF!</v>
      </c>
      <c r="P39" s="843">
        <v>34</v>
      </c>
      <c r="Q39" s="842" t="s">
        <v>34</v>
      </c>
      <c r="R39" s="882" t="e">
        <v>#REF!</v>
      </c>
      <c r="S39" s="1050" t="e">
        <v>#REF!</v>
      </c>
      <c r="T39" s="882" t="e">
        <v>#REF!</v>
      </c>
      <c r="U39" s="1050" t="e">
        <v>#REF!</v>
      </c>
      <c r="V39" s="882" t="e">
        <v>#REF!</v>
      </c>
      <c r="W39" s="1050" t="e">
        <v>#REF!</v>
      </c>
      <c r="X39" s="882" t="e">
        <v>#REF!</v>
      </c>
      <c r="Y39" s="1049" t="e">
        <v>#REF!</v>
      </c>
      <c r="Z39" s="835" t="e">
        <v>#REF!</v>
      </c>
      <c r="AA39" s="883" t="e">
        <v>#REF!</v>
      </c>
      <c r="AB39" s="883" t="e">
        <v>#REF!</v>
      </c>
      <c r="AC39" s="883" t="e">
        <v>#REF!</v>
      </c>
      <c r="AD39" s="882" t="e">
        <v>#REF!</v>
      </c>
      <c r="AE39" s="1048"/>
      <c r="AF39" s="880" t="e">
        <v>#REF!</v>
      </c>
    </row>
    <row r="40" spans="1:32" s="809" customFormat="1" ht="13.5" hidden="1" customHeight="1" x14ac:dyDescent="0.15">
      <c r="A40" s="843"/>
      <c r="B40" s="842"/>
      <c r="C40" s="1053"/>
      <c r="D40" s="898"/>
      <c r="E40" s="897"/>
      <c r="F40" s="897"/>
      <c r="G40" s="1052"/>
      <c r="H40" s="792"/>
      <c r="I40" s="892"/>
      <c r="J40" s="891"/>
      <c r="K40" s="890"/>
      <c r="L40" s="890"/>
      <c r="M40" s="1051"/>
      <c r="N40" s="884"/>
      <c r="O40" s="880"/>
      <c r="P40" s="843"/>
      <c r="Q40" s="842"/>
      <c r="R40" s="834"/>
      <c r="S40" s="1050"/>
      <c r="T40" s="882"/>
      <c r="U40" s="1050"/>
      <c r="V40" s="882"/>
      <c r="W40" s="1050"/>
      <c r="X40" s="882"/>
      <c r="Y40" s="1049"/>
      <c r="Z40" s="835"/>
      <c r="AA40" s="884"/>
      <c r="AB40" s="883"/>
      <c r="AC40" s="883"/>
      <c r="AD40" s="882"/>
      <c r="AE40" s="1048"/>
      <c r="AF40" s="880"/>
    </row>
    <row r="41" spans="1:32" s="809" customFormat="1" ht="13.5" hidden="1" customHeight="1" x14ac:dyDescent="0.15">
      <c r="A41" s="843"/>
      <c r="B41" s="842"/>
      <c r="C41" s="1053"/>
      <c r="D41" s="898"/>
      <c r="E41" s="897"/>
      <c r="F41" s="897"/>
      <c r="G41" s="1052"/>
      <c r="H41" s="792"/>
      <c r="I41" s="892"/>
      <c r="J41" s="891"/>
      <c r="K41" s="890"/>
      <c r="L41" s="890"/>
      <c r="M41" s="1051"/>
      <c r="N41" s="884"/>
      <c r="O41" s="880"/>
      <c r="P41" s="843"/>
      <c r="Q41" s="842"/>
      <c r="R41" s="834"/>
      <c r="S41" s="1050"/>
      <c r="T41" s="882"/>
      <c r="U41" s="1050"/>
      <c r="V41" s="882"/>
      <c r="W41" s="1050"/>
      <c r="X41" s="882"/>
      <c r="Y41" s="1049"/>
      <c r="Z41" s="835"/>
      <c r="AA41" s="884"/>
      <c r="AB41" s="883"/>
      <c r="AC41" s="883"/>
      <c r="AD41" s="882"/>
      <c r="AE41" s="1048"/>
      <c r="AF41" s="880"/>
    </row>
    <row r="42" spans="1:32" s="809" customFormat="1" ht="13.5" hidden="1" customHeight="1" thickBot="1" x14ac:dyDescent="0.2">
      <c r="A42" s="820">
        <v>37</v>
      </c>
      <c r="B42" s="819" t="s">
        <v>37</v>
      </c>
      <c r="C42" s="1047"/>
      <c r="D42" s="875"/>
      <c r="E42" s="878"/>
      <c r="F42" s="878"/>
      <c r="G42" s="875"/>
      <c r="H42" s="875"/>
      <c r="I42" s="916"/>
      <c r="J42" s="1046"/>
      <c r="K42" s="914"/>
      <c r="L42" s="914"/>
      <c r="M42" s="1045"/>
      <c r="N42" s="811" t="e">
        <v>#REF!</v>
      </c>
      <c r="O42" s="858" t="e">
        <v>#REF!</v>
      </c>
      <c r="P42" s="820">
        <v>37</v>
      </c>
      <c r="Q42" s="819" t="s">
        <v>37</v>
      </c>
      <c r="R42" s="1044" t="e">
        <v>#REF!</v>
      </c>
      <c r="S42" s="1043" t="e">
        <v>#REF!</v>
      </c>
      <c r="T42" s="860" t="e">
        <v>#REF!</v>
      </c>
      <c r="U42" s="1043" t="e">
        <v>#REF!</v>
      </c>
      <c r="V42" s="860" t="e">
        <v>#REF!</v>
      </c>
      <c r="W42" s="1043" t="e">
        <v>#REF!</v>
      </c>
      <c r="X42" s="860" t="e">
        <v>#REF!</v>
      </c>
      <c r="Y42" s="1042" t="e">
        <v>#REF!</v>
      </c>
      <c r="Z42" s="911" t="e">
        <v>#REF!</v>
      </c>
      <c r="AA42" s="811" t="e">
        <v>#REF!</v>
      </c>
      <c r="AB42" s="861" t="e">
        <v>#REF!</v>
      </c>
      <c r="AC42" s="861" t="e">
        <v>#REF!</v>
      </c>
      <c r="AD42" s="860" t="e">
        <v>#REF!</v>
      </c>
      <c r="AE42" s="1041"/>
      <c r="AF42" s="858" t="e">
        <v>#REF!</v>
      </c>
    </row>
    <row r="43" spans="1:32" s="809" customFormat="1" ht="13.5" customHeight="1" thickTop="1" x14ac:dyDescent="0.15">
      <c r="A43" s="843">
        <v>301</v>
      </c>
      <c r="B43" s="842" t="s">
        <v>718</v>
      </c>
      <c r="C43" s="789" t="s">
        <v>714</v>
      </c>
      <c r="D43" s="1029"/>
      <c r="E43" s="852"/>
      <c r="F43" s="796">
        <v>12</v>
      </c>
      <c r="G43" s="1040"/>
      <c r="H43" s="1039"/>
      <c r="I43" s="1038" t="s">
        <v>719</v>
      </c>
      <c r="J43" s="1037"/>
      <c r="K43" s="1035"/>
      <c r="L43" s="1035"/>
      <c r="M43" s="1036"/>
      <c r="N43" s="1035"/>
      <c r="O43" s="1034"/>
      <c r="P43" s="843">
        <v>301</v>
      </c>
      <c r="Q43" s="842" t="s">
        <v>718</v>
      </c>
      <c r="R43" s="1023"/>
      <c r="S43" s="1024"/>
      <c r="T43" s="1023"/>
      <c r="U43" s="1023"/>
      <c r="V43" s="1023"/>
      <c r="W43" s="1023"/>
      <c r="X43" s="1023"/>
      <c r="Y43" s="942"/>
      <c r="Z43" s="1033">
        <v>625855</v>
      </c>
      <c r="AA43" s="837">
        <v>0</v>
      </c>
      <c r="AB43" s="837">
        <v>0</v>
      </c>
      <c r="AC43" s="837">
        <v>0</v>
      </c>
      <c r="AD43" s="837">
        <v>0</v>
      </c>
      <c r="AE43" s="1032">
        <v>0</v>
      </c>
      <c r="AF43" s="942">
        <v>625855</v>
      </c>
    </row>
    <row r="44" spans="1:32" s="809" customFormat="1" ht="13.5" customHeight="1" x14ac:dyDescent="0.15">
      <c r="A44" s="843">
        <v>302</v>
      </c>
      <c r="B44" s="842" t="s">
        <v>629</v>
      </c>
      <c r="C44" s="789" t="s">
        <v>714</v>
      </c>
      <c r="D44" s="1029"/>
      <c r="E44" s="852"/>
      <c r="F44" s="796">
        <v>12</v>
      </c>
      <c r="G44" s="1028"/>
      <c r="H44" s="850"/>
      <c r="I44" s="1027" t="s">
        <v>717</v>
      </c>
      <c r="J44" s="1026"/>
      <c r="K44" s="1025"/>
      <c r="L44" s="1025"/>
      <c r="M44" s="931"/>
      <c r="N44" s="1025"/>
      <c r="O44" s="833"/>
      <c r="P44" s="843">
        <v>302</v>
      </c>
      <c r="Q44" s="842" t="s">
        <v>629</v>
      </c>
      <c r="R44" s="1023"/>
      <c r="S44" s="1024"/>
      <c r="T44" s="1023"/>
      <c r="U44" s="1023"/>
      <c r="V44" s="1023"/>
      <c r="W44" s="1023"/>
      <c r="X44" s="1023"/>
      <c r="Y44" s="942"/>
      <c r="Z44" s="1022">
        <v>875490</v>
      </c>
      <c r="AA44" s="834">
        <v>0</v>
      </c>
      <c r="AB44" s="834">
        <v>0</v>
      </c>
      <c r="AC44" s="834">
        <v>0</v>
      </c>
      <c r="AD44" s="834">
        <v>0</v>
      </c>
      <c r="AE44" s="1021">
        <v>0</v>
      </c>
      <c r="AF44" s="929">
        <v>875490</v>
      </c>
    </row>
    <row r="45" spans="1:32" s="809" customFormat="1" ht="13.5" customHeight="1" x14ac:dyDescent="0.15">
      <c r="A45" s="843">
        <v>303</v>
      </c>
      <c r="B45" s="842" t="s">
        <v>627</v>
      </c>
      <c r="C45" s="789" t="s">
        <v>714</v>
      </c>
      <c r="D45" s="1029"/>
      <c r="E45" s="852"/>
      <c r="F45" s="796">
        <v>12</v>
      </c>
      <c r="G45" s="1028"/>
      <c r="H45" s="850"/>
      <c r="I45" s="1027" t="s">
        <v>716</v>
      </c>
      <c r="J45" s="1026"/>
      <c r="K45" s="1025"/>
      <c r="L45" s="1025"/>
      <c r="M45" s="931"/>
      <c r="N45" s="1025"/>
      <c r="O45" s="833"/>
      <c r="P45" s="843">
        <v>303</v>
      </c>
      <c r="Q45" s="842" t="s">
        <v>627</v>
      </c>
      <c r="R45" s="1023"/>
      <c r="S45" s="1024"/>
      <c r="T45" s="1023"/>
      <c r="U45" s="1023"/>
      <c r="V45" s="1023"/>
      <c r="W45" s="1023"/>
      <c r="X45" s="1023"/>
      <c r="Y45" s="942"/>
      <c r="Z45" s="1022">
        <v>463269</v>
      </c>
      <c r="AA45" s="834">
        <v>0</v>
      </c>
      <c r="AB45" s="834">
        <v>319</v>
      </c>
      <c r="AC45" s="834">
        <v>0</v>
      </c>
      <c r="AD45" s="834">
        <v>0</v>
      </c>
      <c r="AE45" s="1021">
        <v>0</v>
      </c>
      <c r="AF45" s="929">
        <v>462950</v>
      </c>
    </row>
    <row r="46" spans="1:32" s="809" customFormat="1" ht="13.5" customHeight="1" x14ac:dyDescent="0.15">
      <c r="A46" s="843">
        <v>304</v>
      </c>
      <c r="B46" s="842" t="s">
        <v>625</v>
      </c>
      <c r="C46" s="789" t="s">
        <v>714</v>
      </c>
      <c r="D46" s="1029"/>
      <c r="E46" s="852"/>
      <c r="F46" s="796">
        <v>12</v>
      </c>
      <c r="G46" s="1028"/>
      <c r="H46" s="850"/>
      <c r="I46" s="1027" t="s">
        <v>715</v>
      </c>
      <c r="J46" s="1026"/>
      <c r="K46" s="1025"/>
      <c r="L46" s="1025"/>
      <c r="M46" s="931"/>
      <c r="N46" s="1025"/>
      <c r="O46" s="833"/>
      <c r="P46" s="843">
        <v>304</v>
      </c>
      <c r="Q46" s="842" t="s">
        <v>625</v>
      </c>
      <c r="R46" s="1023"/>
      <c r="S46" s="1024"/>
      <c r="T46" s="1023"/>
      <c r="U46" s="1023"/>
      <c r="V46" s="1023"/>
      <c r="W46" s="1023"/>
      <c r="X46" s="1023"/>
      <c r="Y46" s="942"/>
      <c r="Z46" s="1022">
        <v>198977</v>
      </c>
      <c r="AA46" s="1031">
        <v>0</v>
      </c>
      <c r="AB46" s="1031">
        <v>0</v>
      </c>
      <c r="AC46" s="1031">
        <v>0</v>
      </c>
      <c r="AD46" s="1031">
        <v>0</v>
      </c>
      <c r="AE46" s="1030">
        <v>0</v>
      </c>
      <c r="AF46" s="929">
        <v>198977</v>
      </c>
    </row>
    <row r="47" spans="1:32" s="809" customFormat="1" ht="13.5" customHeight="1" x14ac:dyDescent="0.15">
      <c r="A47" s="843">
        <v>305</v>
      </c>
      <c r="B47" s="842" t="s">
        <v>623</v>
      </c>
      <c r="C47" s="789" t="s">
        <v>714</v>
      </c>
      <c r="D47" s="1029"/>
      <c r="E47" s="852"/>
      <c r="F47" s="796">
        <v>12</v>
      </c>
      <c r="G47" s="1028"/>
      <c r="H47" s="850"/>
      <c r="I47" s="1027" t="s">
        <v>713</v>
      </c>
      <c r="J47" s="1026"/>
      <c r="K47" s="1025"/>
      <c r="L47" s="1025"/>
      <c r="M47" s="931"/>
      <c r="N47" s="1025"/>
      <c r="O47" s="833"/>
      <c r="P47" s="843">
        <v>305</v>
      </c>
      <c r="Q47" s="842" t="s">
        <v>623</v>
      </c>
      <c r="R47" s="1023"/>
      <c r="S47" s="1024"/>
      <c r="T47" s="1023"/>
      <c r="U47" s="1023"/>
      <c r="V47" s="1023"/>
      <c r="W47" s="1023"/>
      <c r="X47" s="1023"/>
      <c r="Y47" s="942"/>
      <c r="Z47" s="1022">
        <v>298999</v>
      </c>
      <c r="AA47" s="834">
        <v>0</v>
      </c>
      <c r="AB47" s="834">
        <v>0</v>
      </c>
      <c r="AC47" s="834">
        <v>0</v>
      </c>
      <c r="AD47" s="834">
        <v>0</v>
      </c>
      <c r="AE47" s="1021">
        <v>0</v>
      </c>
      <c r="AF47" s="929">
        <v>298999</v>
      </c>
    </row>
    <row r="48" spans="1:32" s="809" customFormat="1" ht="13.5" customHeight="1" thickBot="1" x14ac:dyDescent="0.2">
      <c r="A48" s="820">
        <v>306</v>
      </c>
      <c r="B48" s="819" t="s">
        <v>619</v>
      </c>
      <c r="C48" s="780" t="s">
        <v>712</v>
      </c>
      <c r="D48" s="1020"/>
      <c r="E48" s="831"/>
      <c r="F48" s="1019">
        <v>12</v>
      </c>
      <c r="G48" s="1018"/>
      <c r="H48" s="828"/>
      <c r="I48" s="1017" t="s">
        <v>711</v>
      </c>
      <c r="J48" s="1016"/>
      <c r="K48" s="817"/>
      <c r="L48" s="817"/>
      <c r="M48" s="863"/>
      <c r="N48" s="817"/>
      <c r="O48" s="1015"/>
      <c r="P48" s="820">
        <v>306</v>
      </c>
      <c r="Q48" s="819" t="s">
        <v>619</v>
      </c>
      <c r="R48" s="860"/>
      <c r="S48" s="1014"/>
      <c r="T48" s="860"/>
      <c r="U48" s="860"/>
      <c r="V48" s="860"/>
      <c r="W48" s="860"/>
      <c r="X48" s="860"/>
      <c r="Y48" s="858"/>
      <c r="Z48" s="1013">
        <v>2572703</v>
      </c>
      <c r="AA48" s="811">
        <v>0</v>
      </c>
      <c r="AB48" s="811">
        <v>716130</v>
      </c>
      <c r="AC48" s="811">
        <v>45</v>
      </c>
      <c r="AD48" s="811">
        <v>0</v>
      </c>
      <c r="AE48" s="1012">
        <v>0</v>
      </c>
      <c r="AF48" s="858">
        <v>1856528</v>
      </c>
    </row>
    <row r="49" spans="1:39" ht="13.5" customHeight="1" thickTop="1" x14ac:dyDescent="0.2">
      <c r="A49" s="1696" t="s">
        <v>618</v>
      </c>
      <c r="B49" s="1716"/>
      <c r="C49" s="808">
        <v>9</v>
      </c>
      <c r="D49" s="797">
        <v>10</v>
      </c>
      <c r="E49" s="807"/>
      <c r="F49" s="806"/>
      <c r="G49" s="794"/>
      <c r="H49" s="792">
        <v>19</v>
      </c>
      <c r="I49" s="804"/>
      <c r="J49" s="803"/>
      <c r="K49" s="803"/>
      <c r="L49" s="803"/>
      <c r="M49" s="803"/>
      <c r="N49" s="800">
        <v>1525343031</v>
      </c>
      <c r="O49" s="799">
        <v>0</v>
      </c>
      <c r="P49" s="1696" t="s">
        <v>710</v>
      </c>
      <c r="Q49" s="1716"/>
      <c r="R49" s="1011">
        <v>34683631</v>
      </c>
      <c r="S49" s="1008">
        <v>62.51</v>
      </c>
      <c r="T49" s="1011">
        <v>0</v>
      </c>
      <c r="U49" s="1008">
        <v>0</v>
      </c>
      <c r="V49" s="1011">
        <v>17110127</v>
      </c>
      <c r="W49" s="1008">
        <v>30.84</v>
      </c>
      <c r="X49" s="1011">
        <v>3691427</v>
      </c>
      <c r="Y49" s="1010">
        <v>6.65</v>
      </c>
      <c r="Z49" s="801">
        <v>55485185</v>
      </c>
      <c r="AA49" s="800">
        <v>4856886</v>
      </c>
      <c r="AB49" s="800">
        <v>328152</v>
      </c>
      <c r="AC49" s="800">
        <v>988145</v>
      </c>
      <c r="AD49" s="800">
        <v>6725298</v>
      </c>
      <c r="AE49" s="1009">
        <v>-515837</v>
      </c>
      <c r="AF49" s="799">
        <v>42070867</v>
      </c>
    </row>
    <row r="50" spans="1:39" ht="13.5" customHeight="1" x14ac:dyDescent="0.2">
      <c r="A50" s="1681" t="s">
        <v>709</v>
      </c>
      <c r="B50" s="1718"/>
      <c r="C50" s="798">
        <v>5</v>
      </c>
      <c r="D50" s="797">
        <v>9</v>
      </c>
      <c r="E50" s="778" t="s">
        <v>617</v>
      </c>
      <c r="F50" s="795"/>
      <c r="G50" s="794"/>
      <c r="H50" s="792">
        <v>14</v>
      </c>
      <c r="I50" s="790"/>
      <c r="J50" s="789"/>
      <c r="K50" s="789"/>
      <c r="L50" s="789"/>
      <c r="M50" s="789"/>
      <c r="N50" s="782">
        <v>53761460</v>
      </c>
      <c r="O50" s="788">
        <v>289678</v>
      </c>
      <c r="P50" s="1681" t="s">
        <v>709</v>
      </c>
      <c r="Q50" s="1718"/>
      <c r="R50" s="1007">
        <v>1282853</v>
      </c>
      <c r="S50" s="1008">
        <v>56.27</v>
      </c>
      <c r="T50" s="1007">
        <v>7033</v>
      </c>
      <c r="U50" s="1008">
        <v>0.31</v>
      </c>
      <c r="V50" s="1007">
        <v>668609</v>
      </c>
      <c r="W50" s="1008">
        <v>29.33</v>
      </c>
      <c r="X50" s="1007">
        <v>321115</v>
      </c>
      <c r="Y50" s="1006">
        <v>14.09</v>
      </c>
      <c r="Z50" s="783">
        <v>2279608</v>
      </c>
      <c r="AA50" s="782">
        <v>238406</v>
      </c>
      <c r="AB50" s="782">
        <v>18237</v>
      </c>
      <c r="AC50" s="782">
        <v>17962</v>
      </c>
      <c r="AD50" s="782">
        <v>177883</v>
      </c>
      <c r="AE50" s="1005">
        <v>-107264</v>
      </c>
      <c r="AF50" s="788">
        <v>1719856</v>
      </c>
    </row>
    <row r="51" spans="1:39" ht="13.5" customHeight="1" x14ac:dyDescent="0.2">
      <c r="A51" s="1681" t="s">
        <v>708</v>
      </c>
      <c r="B51" s="1718"/>
      <c r="C51" s="789">
        <v>14</v>
      </c>
      <c r="D51" s="796">
        <v>19</v>
      </c>
      <c r="E51" s="778" t="s">
        <v>615</v>
      </c>
      <c r="F51" s="795"/>
      <c r="G51" s="794"/>
      <c r="H51" s="792">
        <v>33</v>
      </c>
      <c r="I51" s="790"/>
      <c r="J51" s="789"/>
      <c r="K51" s="789"/>
      <c r="L51" s="789"/>
      <c r="M51" s="789"/>
      <c r="N51" s="782">
        <v>1579104491</v>
      </c>
      <c r="O51" s="788">
        <v>289678</v>
      </c>
      <c r="P51" s="1681" t="s">
        <v>708</v>
      </c>
      <c r="Q51" s="1718"/>
      <c r="R51" s="1007">
        <v>35966484</v>
      </c>
      <c r="S51" s="1008">
        <v>62.26</v>
      </c>
      <c r="T51" s="1007">
        <v>7033</v>
      </c>
      <c r="U51" s="1008">
        <v>0.01</v>
      </c>
      <c r="V51" s="1007">
        <v>17778736</v>
      </c>
      <c r="W51" s="1008">
        <v>30.78</v>
      </c>
      <c r="X51" s="1007">
        <v>4012542</v>
      </c>
      <c r="Y51" s="1006">
        <v>6.95</v>
      </c>
      <c r="Z51" s="783">
        <v>57764793</v>
      </c>
      <c r="AA51" s="782">
        <v>5095292</v>
      </c>
      <c r="AB51" s="782">
        <v>346389</v>
      </c>
      <c r="AC51" s="782">
        <v>1006107</v>
      </c>
      <c r="AD51" s="782">
        <v>6903181</v>
      </c>
      <c r="AE51" s="1005">
        <v>-623101</v>
      </c>
      <c r="AF51" s="781">
        <v>43790723</v>
      </c>
    </row>
    <row r="52" spans="1:39" ht="13.5" customHeight="1" thickBot="1" x14ac:dyDescent="0.25">
      <c r="A52" s="1683" t="s">
        <v>706</v>
      </c>
      <c r="B52" s="1719"/>
      <c r="C52" s="780">
        <v>6</v>
      </c>
      <c r="D52" s="779">
        <v>0</v>
      </c>
      <c r="E52" s="778" t="s">
        <v>707</v>
      </c>
      <c r="F52" s="777"/>
      <c r="G52" s="776"/>
      <c r="H52" s="775" t="s">
        <v>39</v>
      </c>
      <c r="I52" s="772"/>
      <c r="J52" s="770"/>
      <c r="K52" s="771"/>
      <c r="L52" s="770"/>
      <c r="M52" s="770"/>
      <c r="N52" s="760" t="s">
        <v>39</v>
      </c>
      <c r="O52" s="769" t="s">
        <v>39</v>
      </c>
      <c r="P52" s="1683" t="s">
        <v>706</v>
      </c>
      <c r="Q52" s="1719"/>
      <c r="R52" s="760" t="s">
        <v>39</v>
      </c>
      <c r="S52" s="760" t="s">
        <v>39</v>
      </c>
      <c r="T52" s="760" t="s">
        <v>39</v>
      </c>
      <c r="U52" s="760" t="s">
        <v>39</v>
      </c>
      <c r="V52" s="760" t="s">
        <v>39</v>
      </c>
      <c r="W52" s="760" t="s">
        <v>39</v>
      </c>
      <c r="X52" s="760" t="s">
        <v>39</v>
      </c>
      <c r="Y52" s="769" t="s">
        <v>39</v>
      </c>
      <c r="Z52" s="762">
        <v>5035293</v>
      </c>
      <c r="AA52" s="760" t="s">
        <v>39</v>
      </c>
      <c r="AB52" s="1004">
        <v>716449</v>
      </c>
      <c r="AC52" s="761">
        <v>45</v>
      </c>
      <c r="AD52" s="760" t="s">
        <v>39</v>
      </c>
      <c r="AE52" s="1003"/>
      <c r="AF52" s="1002">
        <v>4318799</v>
      </c>
    </row>
    <row r="53" spans="1:39" ht="13.5" customHeight="1" thickTop="1" thickBot="1" x14ac:dyDescent="0.25">
      <c r="A53" s="1664" t="s">
        <v>611</v>
      </c>
      <c r="B53" s="1717"/>
      <c r="C53" s="749">
        <v>20</v>
      </c>
      <c r="D53" s="758">
        <v>19</v>
      </c>
      <c r="E53" s="757"/>
      <c r="F53" s="756"/>
      <c r="G53" s="755"/>
      <c r="H53" s="753">
        <v>33</v>
      </c>
      <c r="I53" s="750"/>
      <c r="J53" s="749"/>
      <c r="K53" s="749"/>
      <c r="L53" s="749"/>
      <c r="M53" s="749"/>
      <c r="N53" s="742">
        <v>1579104491</v>
      </c>
      <c r="O53" s="741">
        <v>289678</v>
      </c>
      <c r="P53" s="1664" t="s">
        <v>705</v>
      </c>
      <c r="Q53" s="1717"/>
      <c r="R53" s="997">
        <v>35966484</v>
      </c>
      <c r="S53" s="1001">
        <v>62.26</v>
      </c>
      <c r="T53" s="997">
        <v>7033</v>
      </c>
      <c r="U53" s="1000">
        <v>0.01</v>
      </c>
      <c r="V53" s="997">
        <v>17778736</v>
      </c>
      <c r="W53" s="999">
        <v>30.78</v>
      </c>
      <c r="X53" s="997">
        <v>4012542</v>
      </c>
      <c r="Y53" s="998">
        <v>6.95</v>
      </c>
      <c r="Z53" s="743">
        <v>62800086</v>
      </c>
      <c r="AA53" s="742">
        <v>5095292</v>
      </c>
      <c r="AB53" s="997">
        <v>1062838</v>
      </c>
      <c r="AC53" s="748">
        <v>1006152</v>
      </c>
      <c r="AD53" s="742">
        <v>6903181</v>
      </c>
      <c r="AE53" s="996">
        <v>-623101</v>
      </c>
      <c r="AF53" s="741">
        <v>48109522</v>
      </c>
    </row>
    <row r="54" spans="1:39" s="763" customFormat="1" ht="13.5" customHeight="1" x14ac:dyDescent="0.15">
      <c r="D54" s="993"/>
      <c r="E54" s="995"/>
      <c r="F54" s="994"/>
      <c r="G54" s="994"/>
      <c r="H54" s="993"/>
      <c r="I54" s="1666" t="s">
        <v>704</v>
      </c>
      <c r="J54" s="1666"/>
      <c r="K54" s="1666"/>
      <c r="L54" s="1666"/>
      <c r="AE54" s="992"/>
    </row>
    <row r="56" spans="1:39" x14ac:dyDescent="0.15">
      <c r="A56" s="1255"/>
      <c r="R56" s="1255"/>
    </row>
    <row r="57" spans="1:39" ht="14.4" x14ac:dyDescent="0.2">
      <c r="A57" s="1257"/>
      <c r="C57" s="1258"/>
      <c r="D57" s="1258"/>
      <c r="E57" s="1258"/>
      <c r="F57" s="1258"/>
      <c r="G57" s="1258"/>
      <c r="H57" s="1258"/>
      <c r="I57" s="1258"/>
      <c r="J57" s="1258"/>
      <c r="K57" s="1258"/>
      <c r="L57" s="1258"/>
      <c r="M57" s="1258"/>
      <c r="AE57" s="992"/>
      <c r="AF57" s="1088"/>
      <c r="AH57" s="1260"/>
      <c r="AL57" s="1092"/>
      <c r="AM57" s="1092"/>
    </row>
    <row r="58" spans="1:39" x14ac:dyDescent="0.15">
      <c r="C58" s="1261"/>
    </row>
  </sheetData>
  <mergeCells count="31">
    <mergeCell ref="A53:B53"/>
    <mergeCell ref="P53:Q53"/>
    <mergeCell ref="A50:B50"/>
    <mergeCell ref="P50:Q50"/>
    <mergeCell ref="A51:B51"/>
    <mergeCell ref="P51:Q51"/>
    <mergeCell ref="A52:B52"/>
    <mergeCell ref="P52:Q52"/>
    <mergeCell ref="A49:B49"/>
    <mergeCell ref="P49:Q49"/>
    <mergeCell ref="P3:Q5"/>
    <mergeCell ref="R3:Y3"/>
    <mergeCell ref="C4:C5"/>
    <mergeCell ref="D4:D5"/>
    <mergeCell ref="AF1:AF2"/>
    <mergeCell ref="F4:F5"/>
    <mergeCell ref="G4:G5"/>
    <mergeCell ref="A3:B5"/>
    <mergeCell ref="C3:D3"/>
    <mergeCell ref="E3:E5"/>
    <mergeCell ref="F3:G3"/>
    <mergeCell ref="Z3:Z4"/>
    <mergeCell ref="R4:S4"/>
    <mergeCell ref="T4:U4"/>
    <mergeCell ref="I54:L54"/>
    <mergeCell ref="AE3:AE4"/>
    <mergeCell ref="V4:W4"/>
    <mergeCell ref="AA3:AA4"/>
    <mergeCell ref="X4:Y4"/>
    <mergeCell ref="I3:L3"/>
    <mergeCell ref="N3:O3"/>
  </mergeCells>
  <phoneticPr fontId="6"/>
  <printOptions verticalCentered="1"/>
  <pageMargins left="0.78740157480314965" right="0" top="0.59055118110236227" bottom="0.59055118110236227" header="0.19685039370078741" footer="0.43307086614173229"/>
  <pageSetup paperSize="9" scale="80" orientation="landscape" r:id="rId1"/>
  <headerFooter alignWithMargins="0"/>
  <colBreaks count="1" manualBreakCount="1">
    <brk id="15" max="53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C6" transitionEvaluation="1"/>
  <dimension ref="A1:AS57"/>
  <sheetViews>
    <sheetView zoomScaleNormal="100" zoomScaleSheetLayoutView="100" workbookViewId="0">
      <pane xSplit="2" ySplit="5" topLeftCell="C6" activePane="bottomRight" state="frozen"/>
      <selection activeCell="H59" sqref="H59"/>
      <selection pane="topRight" activeCell="H59" sqref="H59"/>
      <selection pane="bottomLeft" activeCell="H59" sqref="H59"/>
      <selection pane="bottomRight"/>
    </sheetView>
  </sheetViews>
  <sheetFormatPr defaultColWidth="11.88671875" defaultRowHeight="10.8" x14ac:dyDescent="0.15"/>
  <cols>
    <col min="1" max="1" width="3.6640625" style="740" customWidth="1"/>
    <col min="2" max="2" width="10" style="740" customWidth="1"/>
    <col min="3" max="4" width="4.6640625" style="740" customWidth="1"/>
    <col min="5" max="5" width="6.109375" style="740" customWidth="1"/>
    <col min="6" max="6" width="4.6640625" style="740" customWidth="1"/>
    <col min="7" max="7" width="15.44140625" style="740" bestFit="1" customWidth="1"/>
    <col min="8" max="8" width="16.21875" style="740" customWidth="1"/>
    <col min="9" max="11" width="9.6640625" style="740" hidden="1" customWidth="1"/>
    <col min="12" max="12" width="1.6640625" style="740" hidden="1" customWidth="1"/>
    <col min="13" max="16" width="9.6640625" style="740" customWidth="1"/>
    <col min="17" max="17" width="7.88671875" style="740" customWidth="1"/>
    <col min="18" max="19" width="10.6640625" style="740" customWidth="1"/>
    <col min="20" max="20" width="3.6640625" style="740" customWidth="1"/>
    <col min="21" max="21" width="10" style="740" customWidth="1"/>
    <col min="22" max="22" width="11.6640625" style="740" customWidth="1"/>
    <col min="23" max="23" width="6.6640625" style="740" customWidth="1"/>
    <col min="24" max="24" width="10" style="740" customWidth="1"/>
    <col min="25" max="25" width="6.6640625" style="740" customWidth="1"/>
    <col min="26" max="26" width="10.6640625" style="740" customWidth="1"/>
    <col min="27" max="27" width="6.6640625" style="740" customWidth="1"/>
    <col min="28" max="28" width="11.33203125" style="740" customWidth="1"/>
    <col min="29" max="29" width="6.88671875" style="740" customWidth="1"/>
    <col min="30" max="30" width="4.109375" style="740" hidden="1" customWidth="1"/>
    <col min="31" max="32" width="10.6640625" style="740" customWidth="1"/>
    <col min="33" max="33" width="8" style="740" customWidth="1"/>
    <col min="34" max="34" width="8.6640625" style="740" customWidth="1"/>
    <col min="35" max="36" width="10.6640625" style="740" customWidth="1"/>
    <col min="37" max="37" width="11.33203125" style="740" customWidth="1"/>
    <col min="38" max="16384" width="11.88671875" style="740"/>
  </cols>
  <sheetData>
    <row r="1" spans="1:38" ht="13.2" x14ac:dyDescent="0.2">
      <c r="A1" s="1090" t="s">
        <v>702</v>
      </c>
      <c r="B1" s="1088"/>
      <c r="D1" s="1088"/>
      <c r="E1" s="1088"/>
      <c r="F1" s="1088"/>
      <c r="G1" s="1088"/>
      <c r="H1" s="1088"/>
      <c r="I1" s="1088"/>
      <c r="J1" s="763"/>
      <c r="K1" s="763"/>
      <c r="L1" s="763"/>
      <c r="M1" s="1088"/>
      <c r="N1" s="1088"/>
      <c r="O1" s="1088"/>
      <c r="P1" s="1088"/>
      <c r="Q1" s="1088"/>
      <c r="R1" s="1088"/>
      <c r="S1" s="763"/>
      <c r="T1" s="1089" t="s">
        <v>701</v>
      </c>
      <c r="U1" s="763"/>
      <c r="W1" s="1088"/>
      <c r="X1" s="763"/>
      <c r="Y1" s="763"/>
      <c r="Z1" s="763"/>
      <c r="AB1" s="763"/>
      <c r="AC1" s="763"/>
      <c r="AD1" s="763"/>
      <c r="AE1" s="1088"/>
      <c r="AF1" s="1088"/>
      <c r="AG1" s="763"/>
      <c r="AH1" s="763"/>
      <c r="AI1" s="763"/>
      <c r="AJ1" s="763"/>
      <c r="AK1" s="1694" t="s">
        <v>700</v>
      </c>
      <c r="AL1" s="1266"/>
    </row>
    <row r="2" spans="1:38" ht="7.5" customHeight="1" thickBot="1" x14ac:dyDescent="0.2">
      <c r="A2" s="763"/>
      <c r="B2" s="763"/>
      <c r="C2" s="763"/>
      <c r="D2" s="763"/>
      <c r="E2" s="763"/>
      <c r="F2" s="763"/>
      <c r="G2" s="763"/>
      <c r="H2" s="763"/>
      <c r="I2" s="1086"/>
      <c r="J2" s="763"/>
      <c r="K2" s="763"/>
      <c r="L2" s="1086" t="s">
        <v>699</v>
      </c>
      <c r="M2" s="1086"/>
      <c r="N2" s="763"/>
      <c r="O2" s="763"/>
      <c r="P2" s="1086"/>
      <c r="Q2" s="763"/>
      <c r="R2" s="763"/>
      <c r="S2" s="1086"/>
      <c r="T2" s="1086"/>
      <c r="U2" s="1086"/>
      <c r="V2" s="763"/>
      <c r="W2" s="763"/>
      <c r="X2" s="763"/>
      <c r="Y2" s="763"/>
      <c r="Z2" s="763"/>
      <c r="AA2" s="763"/>
      <c r="AB2" s="763"/>
      <c r="AC2" s="763"/>
      <c r="AD2" s="763"/>
      <c r="AE2" s="763"/>
      <c r="AF2" s="763"/>
      <c r="AG2" s="763"/>
      <c r="AH2" s="763"/>
      <c r="AI2" s="763"/>
      <c r="AJ2" s="763"/>
      <c r="AK2" s="1695"/>
    </row>
    <row r="3" spans="1:38" s="809" customFormat="1" ht="12" customHeight="1" x14ac:dyDescent="0.2">
      <c r="A3" s="1685" t="s">
        <v>0</v>
      </c>
      <c r="B3" s="1686"/>
      <c r="C3" s="1679" t="s">
        <v>698</v>
      </c>
      <c r="D3" s="1691"/>
      <c r="E3" s="1672" t="s">
        <v>697</v>
      </c>
      <c r="F3" s="1675" t="s">
        <v>696</v>
      </c>
      <c r="G3" s="1715"/>
      <c r="H3" s="1720" t="s">
        <v>695</v>
      </c>
      <c r="I3" s="1701"/>
      <c r="J3" s="1721"/>
      <c r="K3" s="991" t="s">
        <v>694</v>
      </c>
      <c r="L3" s="990" t="s">
        <v>693</v>
      </c>
      <c r="M3" s="1667" t="s">
        <v>692</v>
      </c>
      <c r="N3" s="1668"/>
      <c r="O3" s="1668"/>
      <c r="P3" s="1669"/>
      <c r="Q3" s="989" t="s">
        <v>691</v>
      </c>
      <c r="R3" s="1679" t="s">
        <v>690</v>
      </c>
      <c r="S3" s="1680"/>
      <c r="T3" s="1685" t="s">
        <v>0</v>
      </c>
      <c r="U3" s="1686"/>
      <c r="V3" s="1700" t="s">
        <v>689</v>
      </c>
      <c r="W3" s="1701"/>
      <c r="X3" s="1701"/>
      <c r="Y3" s="1701"/>
      <c r="Z3" s="1701"/>
      <c r="AA3" s="1701"/>
      <c r="AB3" s="1702"/>
      <c r="AC3" s="1703"/>
      <c r="AD3" s="988"/>
      <c r="AE3" s="1698" t="s">
        <v>688</v>
      </c>
      <c r="AF3" s="1708" t="s">
        <v>687</v>
      </c>
      <c r="AG3" s="987" t="s">
        <v>686</v>
      </c>
      <c r="AH3" s="987" t="s">
        <v>40</v>
      </c>
      <c r="AI3" s="987" t="s">
        <v>685</v>
      </c>
      <c r="AJ3" s="1708" t="s">
        <v>684</v>
      </c>
      <c r="AK3" s="986" t="s">
        <v>683</v>
      </c>
    </row>
    <row r="4" spans="1:38" ht="12" customHeight="1" x14ac:dyDescent="0.15">
      <c r="A4" s="1687"/>
      <c r="B4" s="1688"/>
      <c r="C4" s="1692" t="s">
        <v>682</v>
      </c>
      <c r="D4" s="1692" t="s">
        <v>681</v>
      </c>
      <c r="E4" s="1673"/>
      <c r="F4" s="1722" t="s">
        <v>680</v>
      </c>
      <c r="G4" s="1724" t="s">
        <v>679</v>
      </c>
      <c r="H4" s="983" t="s">
        <v>678</v>
      </c>
      <c r="I4" s="983" t="s">
        <v>677</v>
      </c>
      <c r="J4" s="1692" t="s">
        <v>676</v>
      </c>
      <c r="K4" s="954" t="s">
        <v>675</v>
      </c>
      <c r="L4" s="773"/>
      <c r="M4" s="985" t="s">
        <v>674</v>
      </c>
      <c r="N4" s="981" t="s">
        <v>673</v>
      </c>
      <c r="O4" s="981" t="s">
        <v>672</v>
      </c>
      <c r="P4" s="984" t="s">
        <v>671</v>
      </c>
      <c r="Q4" s="983" t="s">
        <v>670</v>
      </c>
      <c r="R4" s="981" t="s">
        <v>660</v>
      </c>
      <c r="S4" s="982" t="s">
        <v>669</v>
      </c>
      <c r="T4" s="1687"/>
      <c r="U4" s="1688"/>
      <c r="V4" s="1704" t="s">
        <v>668</v>
      </c>
      <c r="W4" s="1705"/>
      <c r="X4" s="1706" t="s">
        <v>667</v>
      </c>
      <c r="Y4" s="1705"/>
      <c r="Z4" s="1706" t="s">
        <v>666</v>
      </c>
      <c r="AA4" s="1704"/>
      <c r="AB4" s="1706" t="s">
        <v>665</v>
      </c>
      <c r="AC4" s="1707"/>
      <c r="AD4" s="763"/>
      <c r="AE4" s="1699"/>
      <c r="AF4" s="1709"/>
      <c r="AG4" s="981" t="s">
        <v>664</v>
      </c>
      <c r="AH4" s="981" t="s">
        <v>664</v>
      </c>
      <c r="AI4" s="981" t="s">
        <v>663</v>
      </c>
      <c r="AJ4" s="1709"/>
      <c r="AK4" s="954" t="s">
        <v>662</v>
      </c>
    </row>
    <row r="5" spans="1:38" ht="12" customHeight="1" thickBot="1" x14ac:dyDescent="0.2">
      <c r="A5" s="1689"/>
      <c r="B5" s="1690"/>
      <c r="C5" s="1693"/>
      <c r="D5" s="1693"/>
      <c r="E5" s="1674"/>
      <c r="F5" s="1723"/>
      <c r="G5" s="1725"/>
      <c r="H5" s="975" t="s">
        <v>661</v>
      </c>
      <c r="I5" s="975" t="s">
        <v>660</v>
      </c>
      <c r="J5" s="1693"/>
      <c r="K5" s="873" t="s">
        <v>659</v>
      </c>
      <c r="L5" s="980"/>
      <c r="M5" s="973" t="s">
        <v>655</v>
      </c>
      <c r="N5" s="972" t="s">
        <v>655</v>
      </c>
      <c r="O5" s="972" t="s">
        <v>123</v>
      </c>
      <c r="P5" s="979" t="s">
        <v>123</v>
      </c>
      <c r="Q5" s="979" t="s">
        <v>658</v>
      </c>
      <c r="R5" s="972" t="s">
        <v>657</v>
      </c>
      <c r="S5" s="978" t="s">
        <v>657</v>
      </c>
      <c r="T5" s="1689"/>
      <c r="U5" s="1690"/>
      <c r="V5" s="780" t="s">
        <v>656</v>
      </c>
      <c r="W5" s="977" t="s">
        <v>655</v>
      </c>
      <c r="X5" s="975" t="s">
        <v>656</v>
      </c>
      <c r="Y5" s="977" t="s">
        <v>655</v>
      </c>
      <c r="Z5" s="975" t="s">
        <v>656</v>
      </c>
      <c r="AA5" s="976" t="s">
        <v>655</v>
      </c>
      <c r="AB5" s="975" t="s">
        <v>656</v>
      </c>
      <c r="AC5" s="974" t="s">
        <v>655</v>
      </c>
      <c r="AD5" s="770"/>
      <c r="AE5" s="973" t="s">
        <v>654</v>
      </c>
      <c r="AF5" s="972" t="s">
        <v>653</v>
      </c>
      <c r="AG5" s="972" t="s">
        <v>652</v>
      </c>
      <c r="AH5" s="972" t="s">
        <v>651</v>
      </c>
      <c r="AI5" s="972" t="s">
        <v>112</v>
      </c>
      <c r="AJ5" s="972" t="s">
        <v>650</v>
      </c>
      <c r="AK5" s="971" t="s">
        <v>649</v>
      </c>
    </row>
    <row r="6" spans="1:38" s="809" customFormat="1" ht="13.5" customHeight="1" thickTop="1" x14ac:dyDescent="0.15">
      <c r="A6" s="843">
        <v>1</v>
      </c>
      <c r="B6" s="842" t="s">
        <v>648</v>
      </c>
      <c r="C6" s="905" t="s">
        <v>622</v>
      </c>
      <c r="D6" s="909"/>
      <c r="E6" s="908" t="s">
        <v>647</v>
      </c>
      <c r="F6" s="907">
        <v>10</v>
      </c>
      <c r="G6" s="970" t="s">
        <v>634</v>
      </c>
      <c r="H6" s="905" t="s">
        <v>622</v>
      </c>
      <c r="I6" s="963"/>
      <c r="J6" s="792"/>
      <c r="K6" s="969" t="s">
        <v>39</v>
      </c>
      <c r="L6" s="826"/>
      <c r="M6" s="968">
        <v>2.46</v>
      </c>
      <c r="N6" s="967">
        <v>0</v>
      </c>
      <c r="O6" s="902">
        <v>14450</v>
      </c>
      <c r="P6" s="967">
        <v>0</v>
      </c>
      <c r="Q6" s="966">
        <v>17</v>
      </c>
      <c r="R6" s="845">
        <v>253853285</v>
      </c>
      <c r="S6" s="880">
        <v>0</v>
      </c>
      <c r="T6" s="843">
        <v>1</v>
      </c>
      <c r="U6" s="842" t="s">
        <v>646</v>
      </c>
      <c r="V6" s="883">
        <v>6244791</v>
      </c>
      <c r="W6" s="887">
        <v>65.5</v>
      </c>
      <c r="X6" s="883">
        <v>0</v>
      </c>
      <c r="Y6" s="887">
        <v>0</v>
      </c>
      <c r="Z6" s="883">
        <v>3288531</v>
      </c>
      <c r="AA6" s="886">
        <v>34.5</v>
      </c>
      <c r="AB6" s="884">
        <v>0</v>
      </c>
      <c r="AC6" s="885">
        <v>0</v>
      </c>
      <c r="AD6" s="813"/>
      <c r="AE6" s="835">
        <v>9533322</v>
      </c>
      <c r="AF6" s="883">
        <v>777855</v>
      </c>
      <c r="AG6" s="883">
        <v>449</v>
      </c>
      <c r="AH6" s="883">
        <v>490049</v>
      </c>
      <c r="AI6" s="883">
        <v>1618039</v>
      </c>
      <c r="AJ6" s="917">
        <v>31430</v>
      </c>
      <c r="AK6" s="880">
        <v>6678360</v>
      </c>
    </row>
    <row r="7" spans="1:38" s="809" customFormat="1" ht="13.5" customHeight="1" x14ac:dyDescent="0.15">
      <c r="A7" s="843">
        <v>2</v>
      </c>
      <c r="B7" s="842" t="s">
        <v>2</v>
      </c>
      <c r="C7" s="898" t="s">
        <v>622</v>
      </c>
      <c r="D7" s="965"/>
      <c r="E7" s="897">
        <v>2</v>
      </c>
      <c r="F7" s="896">
        <v>10</v>
      </c>
      <c r="G7" s="920" t="s">
        <v>634</v>
      </c>
      <c r="H7" s="898" t="s">
        <v>622</v>
      </c>
      <c r="I7" s="963"/>
      <c r="J7" s="962"/>
      <c r="K7" s="961" t="s">
        <v>39</v>
      </c>
      <c r="L7" s="826"/>
      <c r="M7" s="892">
        <v>2.3199999999999998</v>
      </c>
      <c r="N7" s="919">
        <v>0</v>
      </c>
      <c r="O7" s="890">
        <v>14535</v>
      </c>
      <c r="P7" s="918">
        <v>0</v>
      </c>
      <c r="Q7" s="964">
        <v>17</v>
      </c>
      <c r="R7" s="845">
        <v>110910185</v>
      </c>
      <c r="S7" s="880">
        <v>0</v>
      </c>
      <c r="T7" s="843">
        <v>2</v>
      </c>
      <c r="U7" s="842" t="s">
        <v>2</v>
      </c>
      <c r="V7" s="883">
        <v>2573116</v>
      </c>
      <c r="W7" s="887">
        <v>66.77000000000001</v>
      </c>
      <c r="X7" s="883">
        <v>0</v>
      </c>
      <c r="Y7" s="887">
        <v>0</v>
      </c>
      <c r="Z7" s="883">
        <v>1280330</v>
      </c>
      <c r="AA7" s="886">
        <v>33.229999999999997</v>
      </c>
      <c r="AB7" s="884">
        <v>0</v>
      </c>
      <c r="AC7" s="885">
        <v>0</v>
      </c>
      <c r="AD7" s="813"/>
      <c r="AE7" s="835">
        <v>3853446</v>
      </c>
      <c r="AF7" s="883">
        <v>267543</v>
      </c>
      <c r="AG7" s="883">
        <v>50257</v>
      </c>
      <c r="AH7" s="883">
        <v>53526</v>
      </c>
      <c r="AI7" s="883">
        <v>592934</v>
      </c>
      <c r="AJ7" s="917">
        <v>-10380</v>
      </c>
      <c r="AK7" s="880">
        <v>2878806</v>
      </c>
    </row>
    <row r="8" spans="1:38" s="809" customFormat="1" ht="13.5" customHeight="1" x14ac:dyDescent="0.15">
      <c r="A8" s="843">
        <v>3</v>
      </c>
      <c r="B8" s="842" t="s">
        <v>3</v>
      </c>
      <c r="C8" s="898" t="s">
        <v>622</v>
      </c>
      <c r="D8" s="899"/>
      <c r="E8" s="897" t="s">
        <v>644</v>
      </c>
      <c r="F8" s="896">
        <v>10</v>
      </c>
      <c r="G8" s="920" t="s">
        <v>634</v>
      </c>
      <c r="H8" s="898" t="s">
        <v>622</v>
      </c>
      <c r="I8" s="894"/>
      <c r="J8" s="893"/>
      <c r="K8" s="961" t="s">
        <v>39</v>
      </c>
      <c r="L8" s="826"/>
      <c r="M8" s="953">
        <v>2.14</v>
      </c>
      <c r="N8" s="919">
        <v>0</v>
      </c>
      <c r="O8" s="952">
        <v>6940</v>
      </c>
      <c r="P8" s="951">
        <v>7960</v>
      </c>
      <c r="Q8" s="964">
        <v>17</v>
      </c>
      <c r="R8" s="845">
        <v>21718632</v>
      </c>
      <c r="S8" s="880">
        <v>0</v>
      </c>
      <c r="T8" s="843">
        <v>3</v>
      </c>
      <c r="U8" s="842" t="s">
        <v>3</v>
      </c>
      <c r="V8" s="888">
        <v>459064</v>
      </c>
      <c r="W8" s="887">
        <v>54.45</v>
      </c>
      <c r="X8" s="883">
        <v>0</v>
      </c>
      <c r="Y8" s="887">
        <v>0</v>
      </c>
      <c r="Z8" s="883">
        <v>191773</v>
      </c>
      <c r="AA8" s="886">
        <v>22.74</v>
      </c>
      <c r="AB8" s="884">
        <v>192337</v>
      </c>
      <c r="AC8" s="885">
        <v>22.81</v>
      </c>
      <c r="AD8" s="813"/>
      <c r="AE8" s="835">
        <v>843174</v>
      </c>
      <c r="AF8" s="883">
        <v>104308</v>
      </c>
      <c r="AG8" s="883">
        <v>4</v>
      </c>
      <c r="AH8" s="883">
        <v>27988</v>
      </c>
      <c r="AI8" s="883">
        <v>61028</v>
      </c>
      <c r="AJ8" s="917">
        <v>-2658</v>
      </c>
      <c r="AK8" s="880">
        <v>647188</v>
      </c>
    </row>
    <row r="9" spans="1:38" s="809" customFormat="1" ht="13.5" customHeight="1" x14ac:dyDescent="0.15">
      <c r="A9" s="843">
        <v>4</v>
      </c>
      <c r="B9" s="842" t="s">
        <v>4</v>
      </c>
      <c r="C9" s="889"/>
      <c r="D9" s="898" t="s">
        <v>622</v>
      </c>
      <c r="E9" s="897">
        <v>3</v>
      </c>
      <c r="F9" s="896">
        <v>10</v>
      </c>
      <c r="G9" s="920" t="s">
        <v>634</v>
      </c>
      <c r="H9" s="898" t="s">
        <v>622</v>
      </c>
      <c r="I9" s="894"/>
      <c r="J9" s="893"/>
      <c r="K9" s="791" t="s">
        <v>622</v>
      </c>
      <c r="L9" s="826"/>
      <c r="M9" s="892">
        <v>2.37</v>
      </c>
      <c r="N9" s="919">
        <v>0</v>
      </c>
      <c r="O9" s="890">
        <v>12240</v>
      </c>
      <c r="P9" s="919">
        <v>6110</v>
      </c>
      <c r="Q9" s="889">
        <v>17</v>
      </c>
      <c r="R9" s="845">
        <v>15200575</v>
      </c>
      <c r="S9" s="880">
        <v>0</v>
      </c>
      <c r="T9" s="843">
        <v>4</v>
      </c>
      <c r="U9" s="842" t="s">
        <v>4</v>
      </c>
      <c r="V9" s="888">
        <v>360250</v>
      </c>
      <c r="W9" s="887">
        <v>53.17</v>
      </c>
      <c r="X9" s="883">
        <v>0</v>
      </c>
      <c r="Y9" s="887">
        <v>0</v>
      </c>
      <c r="Z9" s="883">
        <v>221311</v>
      </c>
      <c r="AA9" s="886">
        <v>32.67</v>
      </c>
      <c r="AB9" s="884">
        <v>95945</v>
      </c>
      <c r="AC9" s="885">
        <v>14.16</v>
      </c>
      <c r="AD9" s="813"/>
      <c r="AE9" s="835">
        <v>677507</v>
      </c>
      <c r="AF9" s="883">
        <v>70621</v>
      </c>
      <c r="AG9" s="883">
        <v>0</v>
      </c>
      <c r="AH9" s="883">
        <v>370</v>
      </c>
      <c r="AI9" s="883">
        <v>54241</v>
      </c>
      <c r="AJ9" s="917">
        <v>-17645</v>
      </c>
      <c r="AK9" s="880">
        <v>534630</v>
      </c>
    </row>
    <row r="10" spans="1:38" s="809" customFormat="1" ht="13.5" customHeight="1" x14ac:dyDescent="0.15">
      <c r="A10" s="843">
        <v>5</v>
      </c>
      <c r="B10" s="842" t="s">
        <v>5</v>
      </c>
      <c r="C10" s="898" t="s">
        <v>622</v>
      </c>
      <c r="D10" s="899"/>
      <c r="E10" s="897" t="s">
        <v>644</v>
      </c>
      <c r="F10" s="896">
        <v>10</v>
      </c>
      <c r="G10" s="920" t="s">
        <v>634</v>
      </c>
      <c r="H10" s="898" t="s">
        <v>622</v>
      </c>
      <c r="I10" s="894"/>
      <c r="J10" s="893"/>
      <c r="K10" s="961" t="s">
        <v>39</v>
      </c>
      <c r="L10" s="826"/>
      <c r="M10" s="892">
        <v>2.27</v>
      </c>
      <c r="N10" s="919">
        <v>0</v>
      </c>
      <c r="O10" s="890">
        <v>8460</v>
      </c>
      <c r="P10" s="918">
        <v>4410</v>
      </c>
      <c r="Q10" s="889">
        <v>17</v>
      </c>
      <c r="R10" s="845">
        <v>18961328</v>
      </c>
      <c r="S10" s="880">
        <v>0</v>
      </c>
      <c r="T10" s="843">
        <v>5</v>
      </c>
      <c r="U10" s="842" t="s">
        <v>5</v>
      </c>
      <c r="V10" s="888">
        <v>430418</v>
      </c>
      <c r="W10" s="887">
        <v>69.510000000000005</v>
      </c>
      <c r="X10" s="883">
        <v>0</v>
      </c>
      <c r="Y10" s="887">
        <v>0</v>
      </c>
      <c r="Z10" s="883">
        <v>130258</v>
      </c>
      <c r="AA10" s="886">
        <v>21.04</v>
      </c>
      <c r="AB10" s="884">
        <v>58520</v>
      </c>
      <c r="AC10" s="885">
        <v>9.4499999999999993</v>
      </c>
      <c r="AD10" s="813"/>
      <c r="AE10" s="835">
        <v>619197</v>
      </c>
      <c r="AF10" s="883">
        <v>44148</v>
      </c>
      <c r="AG10" s="883">
        <v>0</v>
      </c>
      <c r="AH10" s="883">
        <v>12018</v>
      </c>
      <c r="AI10" s="883">
        <v>116092</v>
      </c>
      <c r="AJ10" s="917">
        <v>-77569</v>
      </c>
      <c r="AK10" s="880">
        <v>369370</v>
      </c>
    </row>
    <row r="11" spans="1:38" s="809" customFormat="1" ht="13.5" customHeight="1" x14ac:dyDescent="0.15">
      <c r="A11" s="843">
        <v>6</v>
      </c>
      <c r="B11" s="842" t="s">
        <v>6</v>
      </c>
      <c r="C11" s="898" t="s">
        <v>622</v>
      </c>
      <c r="D11" s="899"/>
      <c r="E11" s="897" t="s">
        <v>644</v>
      </c>
      <c r="F11" s="896">
        <v>10</v>
      </c>
      <c r="G11" s="920" t="s">
        <v>634</v>
      </c>
      <c r="H11" s="898" t="s">
        <v>622</v>
      </c>
      <c r="I11" s="963"/>
      <c r="J11" s="962"/>
      <c r="K11" s="961" t="s">
        <v>39</v>
      </c>
      <c r="L11" s="826"/>
      <c r="M11" s="892">
        <v>2.0699999999999998</v>
      </c>
      <c r="N11" s="919">
        <v>0</v>
      </c>
      <c r="O11" s="890">
        <v>10320</v>
      </c>
      <c r="P11" s="918">
        <v>5040</v>
      </c>
      <c r="Q11" s="889">
        <v>17</v>
      </c>
      <c r="R11" s="845">
        <v>31612703</v>
      </c>
      <c r="S11" s="880">
        <v>0</v>
      </c>
      <c r="T11" s="843">
        <v>6</v>
      </c>
      <c r="U11" s="842" t="s">
        <v>6</v>
      </c>
      <c r="V11" s="888">
        <v>654377</v>
      </c>
      <c r="W11" s="887">
        <v>61.42</v>
      </c>
      <c r="X11" s="883">
        <v>0</v>
      </c>
      <c r="Y11" s="887">
        <v>0</v>
      </c>
      <c r="Z11" s="883">
        <v>290167</v>
      </c>
      <c r="AA11" s="886">
        <v>27.23</v>
      </c>
      <c r="AB11" s="884">
        <v>120945</v>
      </c>
      <c r="AC11" s="885">
        <v>11.35</v>
      </c>
      <c r="AD11" s="813"/>
      <c r="AE11" s="835">
        <v>1065489</v>
      </c>
      <c r="AF11" s="883">
        <v>98705</v>
      </c>
      <c r="AG11" s="883">
        <v>34152</v>
      </c>
      <c r="AH11" s="883">
        <v>159</v>
      </c>
      <c r="AI11" s="883">
        <v>145407</v>
      </c>
      <c r="AJ11" s="917">
        <v>13916</v>
      </c>
      <c r="AK11" s="880">
        <v>800982</v>
      </c>
    </row>
    <row r="12" spans="1:38" s="809" customFormat="1" ht="13.5" customHeight="1" x14ac:dyDescent="0.15">
      <c r="A12" s="843">
        <v>7</v>
      </c>
      <c r="B12" s="842" t="s">
        <v>7</v>
      </c>
      <c r="C12" s="898" t="s">
        <v>622</v>
      </c>
      <c r="D12" s="899"/>
      <c r="E12" s="897">
        <v>3</v>
      </c>
      <c r="F12" s="896">
        <v>10</v>
      </c>
      <c r="G12" s="920" t="s">
        <v>634</v>
      </c>
      <c r="H12" s="898" t="s">
        <v>622</v>
      </c>
      <c r="I12" s="792"/>
      <c r="J12" s="792"/>
      <c r="K12" s="791" t="s">
        <v>622</v>
      </c>
      <c r="L12" s="826"/>
      <c r="M12" s="892">
        <v>2.64</v>
      </c>
      <c r="N12" s="919">
        <v>0</v>
      </c>
      <c r="O12" s="890">
        <v>9876</v>
      </c>
      <c r="P12" s="918">
        <v>5883</v>
      </c>
      <c r="Q12" s="889">
        <v>17</v>
      </c>
      <c r="R12" s="845">
        <v>13912932</v>
      </c>
      <c r="S12" s="880">
        <v>0</v>
      </c>
      <c r="T12" s="843">
        <v>7</v>
      </c>
      <c r="U12" s="842" t="s">
        <v>7</v>
      </c>
      <c r="V12" s="888">
        <v>370855</v>
      </c>
      <c r="W12" s="887">
        <v>61.47</v>
      </c>
      <c r="X12" s="883">
        <v>0</v>
      </c>
      <c r="Y12" s="887">
        <v>0</v>
      </c>
      <c r="Z12" s="883">
        <v>152950</v>
      </c>
      <c r="AA12" s="886">
        <v>25.35</v>
      </c>
      <c r="AB12" s="884">
        <v>79485</v>
      </c>
      <c r="AC12" s="885">
        <v>13.18</v>
      </c>
      <c r="AD12" s="813"/>
      <c r="AE12" s="835">
        <v>603290</v>
      </c>
      <c r="AF12" s="883">
        <v>55616</v>
      </c>
      <c r="AG12" s="883">
        <v>12991</v>
      </c>
      <c r="AH12" s="883">
        <v>314</v>
      </c>
      <c r="AI12" s="883">
        <v>54357</v>
      </c>
      <c r="AJ12" s="917">
        <v>-91348</v>
      </c>
      <c r="AK12" s="880">
        <v>388664</v>
      </c>
    </row>
    <row r="13" spans="1:38" s="809" customFormat="1" ht="13.5" customHeight="1" x14ac:dyDescent="0.15">
      <c r="A13" s="843">
        <v>8</v>
      </c>
      <c r="B13" s="842" t="s">
        <v>8</v>
      </c>
      <c r="C13" s="898" t="s">
        <v>622</v>
      </c>
      <c r="D13" s="899"/>
      <c r="E13" s="897">
        <v>3</v>
      </c>
      <c r="F13" s="896">
        <v>9</v>
      </c>
      <c r="G13" s="920" t="s">
        <v>645</v>
      </c>
      <c r="H13" s="898" t="s">
        <v>622</v>
      </c>
      <c r="I13" s="894"/>
      <c r="J13" s="893"/>
      <c r="K13" s="791" t="s">
        <v>622</v>
      </c>
      <c r="L13" s="826"/>
      <c r="M13" s="892">
        <v>2.41</v>
      </c>
      <c r="N13" s="919">
        <v>0</v>
      </c>
      <c r="O13" s="890">
        <v>8000</v>
      </c>
      <c r="P13" s="918">
        <v>7600</v>
      </c>
      <c r="Q13" s="889">
        <v>17</v>
      </c>
      <c r="R13" s="845">
        <v>16627944</v>
      </c>
      <c r="S13" s="880">
        <v>0</v>
      </c>
      <c r="T13" s="843">
        <v>8</v>
      </c>
      <c r="U13" s="842" t="s">
        <v>8</v>
      </c>
      <c r="V13" s="888">
        <v>400733</v>
      </c>
      <c r="W13" s="887">
        <v>63.1</v>
      </c>
      <c r="X13" s="883">
        <v>0</v>
      </c>
      <c r="Y13" s="887">
        <v>0</v>
      </c>
      <c r="Z13" s="883">
        <v>131584</v>
      </c>
      <c r="AA13" s="886">
        <v>20.72</v>
      </c>
      <c r="AB13" s="884">
        <v>102760</v>
      </c>
      <c r="AC13" s="885">
        <v>16.18</v>
      </c>
      <c r="AD13" s="813"/>
      <c r="AE13" s="835">
        <v>635077</v>
      </c>
      <c r="AF13" s="883">
        <v>56918</v>
      </c>
      <c r="AG13" s="883">
        <v>18039</v>
      </c>
      <c r="AH13" s="883">
        <v>282</v>
      </c>
      <c r="AI13" s="883">
        <v>78508</v>
      </c>
      <c r="AJ13" s="917">
        <v>1728</v>
      </c>
      <c r="AK13" s="880">
        <v>483058</v>
      </c>
    </row>
    <row r="14" spans="1:38" s="809" customFormat="1" ht="13.5" customHeight="1" x14ac:dyDescent="0.15">
      <c r="A14" s="843">
        <v>9</v>
      </c>
      <c r="B14" s="842" t="s">
        <v>9</v>
      </c>
      <c r="C14" s="898" t="s">
        <v>622</v>
      </c>
      <c r="D14" s="899"/>
      <c r="E14" s="897" t="s">
        <v>644</v>
      </c>
      <c r="F14" s="896">
        <v>10</v>
      </c>
      <c r="G14" s="920" t="s">
        <v>634</v>
      </c>
      <c r="H14" s="898" t="s">
        <v>622</v>
      </c>
      <c r="I14" s="894"/>
      <c r="J14" s="893"/>
      <c r="K14" s="961" t="s">
        <v>39</v>
      </c>
      <c r="L14" s="826"/>
      <c r="M14" s="892">
        <v>2.1</v>
      </c>
      <c r="N14" s="919">
        <v>0</v>
      </c>
      <c r="O14" s="890">
        <v>7800</v>
      </c>
      <c r="P14" s="918">
        <v>4500</v>
      </c>
      <c r="Q14" s="889">
        <v>17</v>
      </c>
      <c r="R14" s="845">
        <v>6161351</v>
      </c>
      <c r="S14" s="880">
        <v>0</v>
      </c>
      <c r="T14" s="843">
        <v>9</v>
      </c>
      <c r="U14" s="842" t="s">
        <v>9</v>
      </c>
      <c r="V14" s="888">
        <v>129387</v>
      </c>
      <c r="W14" s="887">
        <v>67.84</v>
      </c>
      <c r="X14" s="883">
        <v>0</v>
      </c>
      <c r="Y14" s="887">
        <v>0</v>
      </c>
      <c r="Z14" s="883">
        <v>41044</v>
      </c>
      <c r="AA14" s="886">
        <v>21.52</v>
      </c>
      <c r="AB14" s="884">
        <v>20286</v>
      </c>
      <c r="AC14" s="885">
        <v>10.64</v>
      </c>
      <c r="AD14" s="813"/>
      <c r="AE14" s="835">
        <v>190717</v>
      </c>
      <c r="AF14" s="883">
        <v>12451</v>
      </c>
      <c r="AG14" s="883">
        <v>5568</v>
      </c>
      <c r="AH14" s="883">
        <v>19</v>
      </c>
      <c r="AI14" s="883">
        <v>25935</v>
      </c>
      <c r="AJ14" s="917">
        <v>-32026</v>
      </c>
      <c r="AK14" s="880">
        <v>114718</v>
      </c>
    </row>
    <row r="15" spans="1:38" s="809" customFormat="1" ht="13.5" customHeight="1" x14ac:dyDescent="0.15">
      <c r="A15" s="843">
        <v>10</v>
      </c>
      <c r="B15" s="842" t="s">
        <v>10</v>
      </c>
      <c r="C15" s="899"/>
      <c r="D15" s="898" t="s">
        <v>622</v>
      </c>
      <c r="E15" s="897">
        <v>3</v>
      </c>
      <c r="F15" s="896">
        <v>10</v>
      </c>
      <c r="G15" s="920" t="s">
        <v>634</v>
      </c>
      <c r="H15" s="898" t="s">
        <v>622</v>
      </c>
      <c r="I15" s="894"/>
      <c r="J15" s="893"/>
      <c r="K15" s="791" t="s">
        <v>622</v>
      </c>
      <c r="L15" s="826"/>
      <c r="M15" s="892">
        <v>1.7</v>
      </c>
      <c r="N15" s="919">
        <v>0</v>
      </c>
      <c r="O15" s="890">
        <v>9000</v>
      </c>
      <c r="P15" s="918">
        <v>5400</v>
      </c>
      <c r="Q15" s="889">
        <v>17</v>
      </c>
      <c r="R15" s="845">
        <v>48210438</v>
      </c>
      <c r="S15" s="880">
        <v>0</v>
      </c>
      <c r="T15" s="843">
        <v>10</v>
      </c>
      <c r="U15" s="842" t="s">
        <v>10</v>
      </c>
      <c r="V15" s="888">
        <v>819567</v>
      </c>
      <c r="W15" s="887">
        <v>55.1</v>
      </c>
      <c r="X15" s="883">
        <v>0</v>
      </c>
      <c r="Y15" s="887">
        <v>0</v>
      </c>
      <c r="Z15" s="883">
        <v>439587</v>
      </c>
      <c r="AA15" s="886">
        <v>29.55</v>
      </c>
      <c r="AB15" s="884">
        <v>228334</v>
      </c>
      <c r="AC15" s="885">
        <v>15.35</v>
      </c>
      <c r="AD15" s="813"/>
      <c r="AE15" s="835">
        <v>1487488</v>
      </c>
      <c r="AF15" s="883">
        <v>158477</v>
      </c>
      <c r="AG15" s="883">
        <v>18777</v>
      </c>
      <c r="AH15" s="883">
        <v>1927</v>
      </c>
      <c r="AI15" s="883">
        <v>83631</v>
      </c>
      <c r="AJ15" s="917">
        <v>-8945</v>
      </c>
      <c r="AK15" s="880">
        <v>1215731</v>
      </c>
    </row>
    <row r="16" spans="1:38" s="809" customFormat="1" ht="13.5" customHeight="1" x14ac:dyDescent="0.15">
      <c r="A16" s="843">
        <v>11</v>
      </c>
      <c r="B16" s="842" t="s">
        <v>11</v>
      </c>
      <c r="C16" s="899"/>
      <c r="D16" s="898" t="s">
        <v>622</v>
      </c>
      <c r="E16" s="897">
        <v>3</v>
      </c>
      <c r="F16" s="896">
        <v>10</v>
      </c>
      <c r="G16" s="920" t="s">
        <v>634</v>
      </c>
      <c r="H16" s="898" t="s">
        <v>622</v>
      </c>
      <c r="I16" s="894"/>
      <c r="J16" s="893"/>
      <c r="K16" s="791" t="s">
        <v>622</v>
      </c>
      <c r="L16" s="826"/>
      <c r="M16" s="892">
        <v>1.92</v>
      </c>
      <c r="N16" s="919">
        <v>0</v>
      </c>
      <c r="O16" s="890">
        <v>16200</v>
      </c>
      <c r="P16" s="918">
        <v>2300</v>
      </c>
      <c r="Q16" s="889">
        <v>17</v>
      </c>
      <c r="R16" s="845">
        <v>3403583</v>
      </c>
      <c r="S16" s="880">
        <v>0</v>
      </c>
      <c r="T16" s="843">
        <v>11</v>
      </c>
      <c r="U16" s="842" t="s">
        <v>11</v>
      </c>
      <c r="V16" s="888">
        <v>65348</v>
      </c>
      <c r="W16" s="887">
        <v>46.43</v>
      </c>
      <c r="X16" s="883">
        <v>0</v>
      </c>
      <c r="Y16" s="887">
        <v>0</v>
      </c>
      <c r="Z16" s="883">
        <v>67716</v>
      </c>
      <c r="AA16" s="886">
        <v>48.1</v>
      </c>
      <c r="AB16" s="884">
        <v>7707</v>
      </c>
      <c r="AC16" s="885">
        <v>5.47</v>
      </c>
      <c r="AD16" s="813"/>
      <c r="AE16" s="835">
        <v>140771</v>
      </c>
      <c r="AF16" s="883">
        <v>17238</v>
      </c>
      <c r="AG16" s="883">
        <v>0</v>
      </c>
      <c r="AH16" s="883">
        <v>2759</v>
      </c>
      <c r="AI16" s="883">
        <v>2869</v>
      </c>
      <c r="AJ16" s="917">
        <v>-3170</v>
      </c>
      <c r="AK16" s="880">
        <v>114735</v>
      </c>
    </row>
    <row r="17" spans="1:37" s="809" customFormat="1" ht="13.5" customHeight="1" x14ac:dyDescent="0.15">
      <c r="A17" s="843">
        <v>12</v>
      </c>
      <c r="B17" s="842" t="s">
        <v>12</v>
      </c>
      <c r="C17" s="899"/>
      <c r="D17" s="898" t="s">
        <v>622</v>
      </c>
      <c r="E17" s="897">
        <v>3</v>
      </c>
      <c r="F17" s="896">
        <v>10</v>
      </c>
      <c r="G17" s="920" t="s">
        <v>634</v>
      </c>
      <c r="H17" s="898" t="s">
        <v>622</v>
      </c>
      <c r="I17" s="894"/>
      <c r="J17" s="893"/>
      <c r="K17" s="791" t="s">
        <v>643</v>
      </c>
      <c r="L17" s="826"/>
      <c r="M17" s="892">
        <v>1.98</v>
      </c>
      <c r="N17" s="919">
        <v>0</v>
      </c>
      <c r="O17" s="890">
        <v>6400</v>
      </c>
      <c r="P17" s="918">
        <v>6800</v>
      </c>
      <c r="Q17" s="889">
        <v>17</v>
      </c>
      <c r="R17" s="845">
        <v>11384232</v>
      </c>
      <c r="S17" s="880">
        <v>0</v>
      </c>
      <c r="T17" s="843">
        <v>12</v>
      </c>
      <c r="U17" s="842" t="s">
        <v>12</v>
      </c>
      <c r="V17" s="888">
        <v>225405</v>
      </c>
      <c r="W17" s="887">
        <v>58.78</v>
      </c>
      <c r="X17" s="883">
        <v>0</v>
      </c>
      <c r="Y17" s="887">
        <v>0</v>
      </c>
      <c r="Z17" s="883">
        <v>81773</v>
      </c>
      <c r="AA17" s="886">
        <v>21.32</v>
      </c>
      <c r="AB17" s="884">
        <v>76324</v>
      </c>
      <c r="AC17" s="885">
        <v>19.899999999999999</v>
      </c>
      <c r="AD17" s="813"/>
      <c r="AE17" s="835">
        <v>383501</v>
      </c>
      <c r="AF17" s="883">
        <v>38943</v>
      </c>
      <c r="AG17" s="883">
        <v>4851</v>
      </c>
      <c r="AH17" s="883">
        <v>0</v>
      </c>
      <c r="AI17" s="883">
        <v>31239</v>
      </c>
      <c r="AJ17" s="917">
        <v>-55013</v>
      </c>
      <c r="AK17" s="880">
        <v>253455</v>
      </c>
    </row>
    <row r="18" spans="1:37" s="809" customFormat="1" ht="13.5" customHeight="1" x14ac:dyDescent="0.15">
      <c r="A18" s="843">
        <v>13</v>
      </c>
      <c r="B18" s="842" t="s">
        <v>13</v>
      </c>
      <c r="C18" s="898" t="s">
        <v>622</v>
      </c>
      <c r="D18" s="899"/>
      <c r="E18" s="897">
        <v>3</v>
      </c>
      <c r="F18" s="896">
        <v>10</v>
      </c>
      <c r="G18" s="920" t="s">
        <v>634</v>
      </c>
      <c r="H18" s="898" t="s">
        <v>622</v>
      </c>
      <c r="I18" s="894"/>
      <c r="J18" s="893"/>
      <c r="K18" s="791" t="s">
        <v>622</v>
      </c>
      <c r="L18" s="826"/>
      <c r="M18" s="892">
        <v>2.14</v>
      </c>
      <c r="N18" s="919">
        <v>0</v>
      </c>
      <c r="O18" s="890">
        <v>9351</v>
      </c>
      <c r="P18" s="918">
        <v>6523</v>
      </c>
      <c r="Q18" s="889">
        <v>17</v>
      </c>
      <c r="R18" s="845">
        <v>14691035</v>
      </c>
      <c r="S18" s="880">
        <v>0</v>
      </c>
      <c r="T18" s="843">
        <v>13</v>
      </c>
      <c r="U18" s="842" t="s">
        <v>13</v>
      </c>
      <c r="V18" s="888">
        <v>301249</v>
      </c>
      <c r="W18" s="887">
        <v>57.92</v>
      </c>
      <c r="X18" s="883">
        <v>0</v>
      </c>
      <c r="Y18" s="887">
        <v>0</v>
      </c>
      <c r="Z18" s="883">
        <v>136625</v>
      </c>
      <c r="AA18" s="886">
        <v>26.27</v>
      </c>
      <c r="AB18" s="884">
        <v>82259</v>
      </c>
      <c r="AC18" s="885">
        <v>15.81</v>
      </c>
      <c r="AD18" s="813"/>
      <c r="AE18" s="835">
        <v>520133</v>
      </c>
      <c r="AF18" s="883">
        <v>43992</v>
      </c>
      <c r="AG18" s="883">
        <v>9811</v>
      </c>
      <c r="AH18" s="883">
        <v>110</v>
      </c>
      <c r="AI18" s="883">
        <v>47341</v>
      </c>
      <c r="AJ18" s="917">
        <v>15120</v>
      </c>
      <c r="AK18" s="880">
        <v>433999</v>
      </c>
    </row>
    <row r="19" spans="1:37" s="809" customFormat="1" ht="13.5" customHeight="1" x14ac:dyDescent="0.15">
      <c r="A19" s="843">
        <v>14</v>
      </c>
      <c r="B19" s="842" t="s">
        <v>14</v>
      </c>
      <c r="C19" s="899"/>
      <c r="D19" s="898" t="s">
        <v>622</v>
      </c>
      <c r="E19" s="897">
        <v>3</v>
      </c>
      <c r="F19" s="896">
        <v>10</v>
      </c>
      <c r="G19" s="920" t="s">
        <v>634</v>
      </c>
      <c r="H19" s="898" t="s">
        <v>622</v>
      </c>
      <c r="I19" s="894"/>
      <c r="J19" s="893"/>
      <c r="K19" s="791" t="s">
        <v>622</v>
      </c>
      <c r="L19" s="826"/>
      <c r="M19" s="892">
        <v>1.3</v>
      </c>
      <c r="N19" s="919">
        <v>0</v>
      </c>
      <c r="O19" s="890">
        <v>7200</v>
      </c>
      <c r="P19" s="918">
        <v>4800</v>
      </c>
      <c r="Q19" s="889">
        <v>17</v>
      </c>
      <c r="R19" s="845">
        <v>18110028</v>
      </c>
      <c r="S19" s="880">
        <v>0</v>
      </c>
      <c r="T19" s="922">
        <v>14</v>
      </c>
      <c r="U19" s="842" t="s">
        <v>14</v>
      </c>
      <c r="V19" s="888">
        <v>235427</v>
      </c>
      <c r="W19" s="887">
        <v>55.5</v>
      </c>
      <c r="X19" s="883">
        <v>0</v>
      </c>
      <c r="Y19" s="887">
        <v>0</v>
      </c>
      <c r="Z19" s="883">
        <v>119959</v>
      </c>
      <c r="AA19" s="886">
        <v>28.28</v>
      </c>
      <c r="AB19" s="884">
        <v>68803</v>
      </c>
      <c r="AC19" s="885">
        <v>16.22</v>
      </c>
      <c r="AD19" s="813"/>
      <c r="AE19" s="835">
        <v>424189</v>
      </c>
      <c r="AF19" s="883">
        <v>44185</v>
      </c>
      <c r="AG19" s="883">
        <v>6665</v>
      </c>
      <c r="AH19" s="883">
        <v>0</v>
      </c>
      <c r="AI19" s="883">
        <v>40029</v>
      </c>
      <c r="AJ19" s="917">
        <v>896</v>
      </c>
      <c r="AK19" s="880">
        <v>334206</v>
      </c>
    </row>
    <row r="20" spans="1:37" s="809" customFormat="1" ht="13.5" customHeight="1" x14ac:dyDescent="0.15">
      <c r="A20" s="843">
        <v>15</v>
      </c>
      <c r="B20" s="842" t="s">
        <v>15</v>
      </c>
      <c r="C20" s="899"/>
      <c r="D20" s="898" t="s">
        <v>622</v>
      </c>
      <c r="E20" s="897">
        <v>3</v>
      </c>
      <c r="F20" s="896">
        <v>12</v>
      </c>
      <c r="G20" s="920" t="s">
        <v>635</v>
      </c>
      <c r="H20" s="898" t="s">
        <v>622</v>
      </c>
      <c r="I20" s="894"/>
      <c r="J20" s="893"/>
      <c r="K20" s="791" t="s">
        <v>622</v>
      </c>
      <c r="L20" s="826"/>
      <c r="M20" s="892">
        <v>1.94</v>
      </c>
      <c r="N20" s="919">
        <v>0</v>
      </c>
      <c r="O20" s="890">
        <v>7500</v>
      </c>
      <c r="P20" s="918">
        <v>7200</v>
      </c>
      <c r="Q20" s="889">
        <v>17</v>
      </c>
      <c r="R20" s="845">
        <v>6218330</v>
      </c>
      <c r="S20" s="880">
        <v>0</v>
      </c>
      <c r="T20" s="922">
        <v>15</v>
      </c>
      <c r="U20" s="842" t="s">
        <v>15</v>
      </c>
      <c r="V20" s="888">
        <v>120636</v>
      </c>
      <c r="W20" s="887">
        <v>58.31</v>
      </c>
      <c r="X20" s="883">
        <v>0</v>
      </c>
      <c r="Y20" s="887">
        <v>0</v>
      </c>
      <c r="Z20" s="883">
        <v>47475</v>
      </c>
      <c r="AA20" s="886">
        <v>22.94</v>
      </c>
      <c r="AB20" s="884">
        <v>38801</v>
      </c>
      <c r="AC20" s="885">
        <v>18.75</v>
      </c>
      <c r="AD20" s="813"/>
      <c r="AE20" s="835">
        <v>206912</v>
      </c>
      <c r="AF20" s="883">
        <v>19206</v>
      </c>
      <c r="AG20" s="883">
        <v>1105</v>
      </c>
      <c r="AH20" s="883">
        <v>0</v>
      </c>
      <c r="AI20" s="883">
        <v>14205</v>
      </c>
      <c r="AJ20" s="917">
        <v>-1037</v>
      </c>
      <c r="AK20" s="880">
        <v>171359</v>
      </c>
    </row>
    <row r="21" spans="1:37" s="813" customFormat="1" ht="13.5" customHeight="1" x14ac:dyDescent="0.15">
      <c r="A21" s="922">
        <v>16</v>
      </c>
      <c r="B21" s="842" t="s">
        <v>16</v>
      </c>
      <c r="C21" s="899"/>
      <c r="D21" s="898" t="s">
        <v>622</v>
      </c>
      <c r="E21" s="897">
        <v>3</v>
      </c>
      <c r="F21" s="896">
        <v>10</v>
      </c>
      <c r="G21" s="920" t="s">
        <v>634</v>
      </c>
      <c r="H21" s="898" t="s">
        <v>622</v>
      </c>
      <c r="I21" s="894"/>
      <c r="J21" s="893"/>
      <c r="K21" s="791" t="s">
        <v>643</v>
      </c>
      <c r="L21" s="826"/>
      <c r="M21" s="892">
        <v>1.6</v>
      </c>
      <c r="N21" s="919">
        <v>0</v>
      </c>
      <c r="O21" s="890">
        <v>8400</v>
      </c>
      <c r="P21" s="918">
        <v>4500</v>
      </c>
      <c r="Q21" s="889">
        <v>17</v>
      </c>
      <c r="R21" s="845">
        <v>8262547</v>
      </c>
      <c r="S21" s="880">
        <v>0</v>
      </c>
      <c r="T21" s="922">
        <v>16</v>
      </c>
      <c r="U21" s="842" t="s">
        <v>16</v>
      </c>
      <c r="V21" s="888">
        <v>132199</v>
      </c>
      <c r="W21" s="887">
        <v>56.22</v>
      </c>
      <c r="X21" s="883">
        <v>0</v>
      </c>
      <c r="Y21" s="887">
        <v>0</v>
      </c>
      <c r="Z21" s="883">
        <v>70762</v>
      </c>
      <c r="AA21" s="886">
        <v>30.1</v>
      </c>
      <c r="AB21" s="884">
        <v>32162</v>
      </c>
      <c r="AC21" s="885">
        <v>13.68</v>
      </c>
      <c r="AE21" s="835">
        <v>235122</v>
      </c>
      <c r="AF21" s="883">
        <v>24258</v>
      </c>
      <c r="AG21" s="883">
        <v>2230</v>
      </c>
      <c r="AH21" s="883">
        <v>0</v>
      </c>
      <c r="AI21" s="883">
        <v>15231</v>
      </c>
      <c r="AJ21" s="917">
        <v>2204</v>
      </c>
      <c r="AK21" s="880">
        <v>195607</v>
      </c>
    </row>
    <row r="22" spans="1:37" s="813" customFormat="1" ht="13.5" customHeight="1" x14ac:dyDescent="0.15">
      <c r="A22" s="922">
        <v>17</v>
      </c>
      <c r="B22" s="949" t="s">
        <v>17</v>
      </c>
      <c r="C22" s="960"/>
      <c r="D22" s="956" t="s">
        <v>622</v>
      </c>
      <c r="E22" s="959">
        <v>3</v>
      </c>
      <c r="F22" s="958">
        <v>10</v>
      </c>
      <c r="G22" s="957" t="s">
        <v>634</v>
      </c>
      <c r="H22" s="956" t="s">
        <v>622</v>
      </c>
      <c r="I22" s="955"/>
      <c r="J22" s="850"/>
      <c r="K22" s="954" t="s">
        <v>622</v>
      </c>
      <c r="L22" s="826"/>
      <c r="M22" s="953">
        <v>1.7</v>
      </c>
      <c r="N22" s="919">
        <v>0</v>
      </c>
      <c r="O22" s="952">
        <v>7400</v>
      </c>
      <c r="P22" s="951">
        <v>6200</v>
      </c>
      <c r="Q22" s="950">
        <v>17</v>
      </c>
      <c r="R22" s="840">
        <v>13007722</v>
      </c>
      <c r="S22" s="942">
        <v>0</v>
      </c>
      <c r="T22" s="922">
        <v>17</v>
      </c>
      <c r="U22" s="949" t="s">
        <v>17</v>
      </c>
      <c r="V22" s="946">
        <v>185909</v>
      </c>
      <c r="W22" s="948">
        <v>56.97</v>
      </c>
      <c r="X22" s="944">
        <v>0</v>
      </c>
      <c r="Y22" s="948">
        <v>0</v>
      </c>
      <c r="Z22" s="944">
        <v>81444</v>
      </c>
      <c r="AA22" s="947">
        <v>24.96</v>
      </c>
      <c r="AB22" s="946">
        <v>58956</v>
      </c>
      <c r="AC22" s="945">
        <v>18.07</v>
      </c>
      <c r="AE22" s="862">
        <v>326309</v>
      </c>
      <c r="AF22" s="944">
        <v>32006</v>
      </c>
      <c r="AG22" s="944">
        <v>5721</v>
      </c>
      <c r="AH22" s="944">
        <v>15</v>
      </c>
      <c r="AI22" s="944">
        <v>22571</v>
      </c>
      <c r="AJ22" s="943">
        <v>-49110</v>
      </c>
      <c r="AK22" s="942">
        <v>216886</v>
      </c>
    </row>
    <row r="23" spans="1:37" s="813" customFormat="1" ht="13.5" customHeight="1" x14ac:dyDescent="0.15">
      <c r="A23" s="922">
        <v>18</v>
      </c>
      <c r="B23" s="934" t="s">
        <v>18</v>
      </c>
      <c r="C23" s="898"/>
      <c r="D23" s="941" t="s">
        <v>622</v>
      </c>
      <c r="E23" s="897">
        <v>3</v>
      </c>
      <c r="F23" s="938">
        <v>10</v>
      </c>
      <c r="G23" s="940" t="s">
        <v>634</v>
      </c>
      <c r="H23" s="898" t="s">
        <v>622</v>
      </c>
      <c r="I23" s="937"/>
      <c r="J23" s="928"/>
      <c r="K23" s="936" t="s">
        <v>622</v>
      </c>
      <c r="L23" s="935"/>
      <c r="M23" s="892">
        <v>1.83</v>
      </c>
      <c r="N23" s="919">
        <v>0</v>
      </c>
      <c r="O23" s="890">
        <v>13230</v>
      </c>
      <c r="P23" s="918">
        <v>8680</v>
      </c>
      <c r="Q23" s="889">
        <v>16</v>
      </c>
      <c r="R23" s="834">
        <v>2134345</v>
      </c>
      <c r="S23" s="929">
        <v>0</v>
      </c>
      <c r="T23" s="922">
        <v>18</v>
      </c>
      <c r="U23" s="934" t="s">
        <v>18</v>
      </c>
      <c r="V23" s="888">
        <v>39057</v>
      </c>
      <c r="W23" s="933">
        <v>41.12</v>
      </c>
      <c r="X23" s="888">
        <v>0</v>
      </c>
      <c r="Y23" s="933">
        <v>0</v>
      </c>
      <c r="Z23" s="888">
        <v>35880</v>
      </c>
      <c r="AA23" s="933">
        <v>37.78</v>
      </c>
      <c r="AB23" s="888">
        <v>20042</v>
      </c>
      <c r="AC23" s="932">
        <v>21.1</v>
      </c>
      <c r="AD23" s="931"/>
      <c r="AE23" s="856">
        <v>94979</v>
      </c>
      <c r="AF23" s="834">
        <v>11593</v>
      </c>
      <c r="AG23" s="834">
        <v>0</v>
      </c>
      <c r="AH23" s="834">
        <v>688</v>
      </c>
      <c r="AI23" s="834">
        <v>2064</v>
      </c>
      <c r="AJ23" s="930">
        <v>-1926</v>
      </c>
      <c r="AK23" s="929">
        <v>78708</v>
      </c>
    </row>
    <row r="24" spans="1:37" s="813" customFormat="1" ht="13.5" customHeight="1" x14ac:dyDescent="0.15">
      <c r="A24" s="922">
        <v>19</v>
      </c>
      <c r="B24" s="934" t="s">
        <v>20</v>
      </c>
      <c r="C24" s="898" t="s">
        <v>622</v>
      </c>
      <c r="D24" s="899"/>
      <c r="E24" s="897">
        <v>3</v>
      </c>
      <c r="F24" s="938">
        <v>10</v>
      </c>
      <c r="G24" s="940" t="s">
        <v>634</v>
      </c>
      <c r="H24" s="898" t="s">
        <v>622</v>
      </c>
      <c r="I24" s="936" t="s">
        <v>622</v>
      </c>
      <c r="J24" s="928"/>
      <c r="K24" s="936" t="s">
        <v>622</v>
      </c>
      <c r="L24" s="935"/>
      <c r="M24" s="892">
        <v>2.2000000000000002</v>
      </c>
      <c r="N24" s="919">
        <v>0</v>
      </c>
      <c r="O24" s="890">
        <v>9500</v>
      </c>
      <c r="P24" s="918">
        <v>5400</v>
      </c>
      <c r="Q24" s="889">
        <v>17</v>
      </c>
      <c r="R24" s="834">
        <v>3820469</v>
      </c>
      <c r="S24" s="929">
        <v>0</v>
      </c>
      <c r="T24" s="922">
        <v>19</v>
      </c>
      <c r="U24" s="934" t="s">
        <v>20</v>
      </c>
      <c r="V24" s="888">
        <v>84049</v>
      </c>
      <c r="W24" s="933">
        <v>68.180000000000007</v>
      </c>
      <c r="X24" s="888">
        <v>0</v>
      </c>
      <c r="Y24" s="933">
        <v>0</v>
      </c>
      <c r="Z24" s="888">
        <v>26752</v>
      </c>
      <c r="AA24" s="933">
        <v>21.7</v>
      </c>
      <c r="AB24" s="888">
        <v>12469</v>
      </c>
      <c r="AC24" s="932">
        <v>10.119999999999999</v>
      </c>
      <c r="AD24" s="931"/>
      <c r="AE24" s="856">
        <v>123270</v>
      </c>
      <c r="AF24" s="834">
        <v>9144</v>
      </c>
      <c r="AG24" s="834">
        <v>6143</v>
      </c>
      <c r="AH24" s="834">
        <v>23</v>
      </c>
      <c r="AI24" s="834">
        <v>24671</v>
      </c>
      <c r="AJ24" s="930">
        <v>-1105</v>
      </c>
      <c r="AK24" s="929">
        <v>82184</v>
      </c>
    </row>
    <row r="25" spans="1:37" s="813" customFormat="1" ht="13.5" customHeight="1" x14ac:dyDescent="0.15">
      <c r="A25" s="922">
        <v>20</v>
      </c>
      <c r="B25" s="934" t="s">
        <v>21</v>
      </c>
      <c r="C25" s="898" t="s">
        <v>622</v>
      </c>
      <c r="D25" s="899"/>
      <c r="E25" s="897">
        <v>3</v>
      </c>
      <c r="F25" s="938">
        <v>10</v>
      </c>
      <c r="G25" s="940" t="s">
        <v>634</v>
      </c>
      <c r="H25" s="898" t="s">
        <v>622</v>
      </c>
      <c r="I25" s="937"/>
      <c r="J25" s="928"/>
      <c r="K25" s="936" t="s">
        <v>622</v>
      </c>
      <c r="L25" s="935"/>
      <c r="M25" s="892">
        <v>2.1</v>
      </c>
      <c r="N25" s="919">
        <v>0</v>
      </c>
      <c r="O25" s="890">
        <v>11300</v>
      </c>
      <c r="P25" s="918">
        <v>7300</v>
      </c>
      <c r="Q25" s="889">
        <v>17</v>
      </c>
      <c r="R25" s="834">
        <v>2927482</v>
      </c>
      <c r="S25" s="929">
        <v>0</v>
      </c>
      <c r="T25" s="922">
        <v>20</v>
      </c>
      <c r="U25" s="934" t="s">
        <v>21</v>
      </c>
      <c r="V25" s="888">
        <v>61476</v>
      </c>
      <c r="W25" s="933">
        <v>52.24</v>
      </c>
      <c r="X25" s="888">
        <v>0</v>
      </c>
      <c r="Y25" s="933">
        <v>0</v>
      </c>
      <c r="Z25" s="888">
        <v>36341</v>
      </c>
      <c r="AA25" s="933">
        <v>30.88</v>
      </c>
      <c r="AB25" s="888">
        <v>19871</v>
      </c>
      <c r="AC25" s="932">
        <v>16.88</v>
      </c>
      <c r="AD25" s="931"/>
      <c r="AE25" s="856">
        <v>117688</v>
      </c>
      <c r="AF25" s="834">
        <v>13223</v>
      </c>
      <c r="AG25" s="834">
        <v>935</v>
      </c>
      <c r="AH25" s="834">
        <v>0</v>
      </c>
      <c r="AI25" s="834">
        <v>5693</v>
      </c>
      <c r="AJ25" s="930">
        <v>-807</v>
      </c>
      <c r="AK25" s="929">
        <v>97030</v>
      </c>
    </row>
    <row r="26" spans="1:37" s="813" customFormat="1" ht="13.5" customHeight="1" x14ac:dyDescent="0.15">
      <c r="A26" s="922">
        <v>21</v>
      </c>
      <c r="B26" s="934" t="s">
        <v>19</v>
      </c>
      <c r="C26" s="899"/>
      <c r="D26" s="898" t="s">
        <v>622</v>
      </c>
      <c r="E26" s="897">
        <v>3</v>
      </c>
      <c r="F26" s="938">
        <v>10</v>
      </c>
      <c r="G26" s="940" t="s">
        <v>634</v>
      </c>
      <c r="H26" s="898" t="s">
        <v>622</v>
      </c>
      <c r="I26" s="937"/>
      <c r="J26" s="928"/>
      <c r="K26" s="939" t="s">
        <v>39</v>
      </c>
      <c r="L26" s="935"/>
      <c r="M26" s="892">
        <v>1.8</v>
      </c>
      <c r="N26" s="919">
        <v>0</v>
      </c>
      <c r="O26" s="890">
        <v>6000</v>
      </c>
      <c r="P26" s="918">
        <v>6000</v>
      </c>
      <c r="Q26" s="889">
        <v>16</v>
      </c>
      <c r="R26" s="834">
        <v>5194046</v>
      </c>
      <c r="S26" s="929">
        <v>0</v>
      </c>
      <c r="T26" s="922">
        <v>21</v>
      </c>
      <c r="U26" s="934" t="s">
        <v>19</v>
      </c>
      <c r="V26" s="888">
        <v>97180</v>
      </c>
      <c r="W26" s="933">
        <v>59.8</v>
      </c>
      <c r="X26" s="888">
        <v>0</v>
      </c>
      <c r="Y26" s="933">
        <v>0</v>
      </c>
      <c r="Z26" s="888">
        <v>35238</v>
      </c>
      <c r="AA26" s="933">
        <v>21.69</v>
      </c>
      <c r="AB26" s="888">
        <v>30072</v>
      </c>
      <c r="AC26" s="932">
        <v>18.510000000000002</v>
      </c>
      <c r="AD26" s="931"/>
      <c r="AE26" s="856">
        <v>162490</v>
      </c>
      <c r="AF26" s="834">
        <v>12355</v>
      </c>
      <c r="AG26" s="834">
        <v>0</v>
      </c>
      <c r="AH26" s="834">
        <v>4149</v>
      </c>
      <c r="AI26" s="834">
        <v>8114</v>
      </c>
      <c r="AJ26" s="930">
        <v>2157</v>
      </c>
      <c r="AK26" s="929">
        <v>140029</v>
      </c>
    </row>
    <row r="27" spans="1:37" s="813" customFormat="1" ht="13.5" customHeight="1" x14ac:dyDescent="0.15">
      <c r="A27" s="922">
        <v>22</v>
      </c>
      <c r="B27" s="934" t="s">
        <v>22</v>
      </c>
      <c r="C27" s="899"/>
      <c r="D27" s="898" t="s">
        <v>622</v>
      </c>
      <c r="E27" s="897">
        <v>2</v>
      </c>
      <c r="F27" s="938">
        <v>10</v>
      </c>
      <c r="G27" s="920" t="s">
        <v>634</v>
      </c>
      <c r="H27" s="898" t="s">
        <v>622</v>
      </c>
      <c r="I27" s="937"/>
      <c r="J27" s="928"/>
      <c r="K27" s="936" t="s">
        <v>641</v>
      </c>
      <c r="L27" s="935"/>
      <c r="M27" s="892">
        <v>2.2999999999999998</v>
      </c>
      <c r="N27" s="919">
        <v>0</v>
      </c>
      <c r="O27" s="890">
        <v>12000</v>
      </c>
      <c r="P27" s="918">
        <v>0</v>
      </c>
      <c r="Q27" s="889">
        <v>16</v>
      </c>
      <c r="R27" s="834">
        <v>2246990</v>
      </c>
      <c r="S27" s="929">
        <v>0</v>
      </c>
      <c r="T27" s="922">
        <v>22</v>
      </c>
      <c r="U27" s="934" t="s">
        <v>22</v>
      </c>
      <c r="V27" s="888">
        <v>51673</v>
      </c>
      <c r="W27" s="933">
        <v>64.599999999999994</v>
      </c>
      <c r="X27" s="888">
        <v>0</v>
      </c>
      <c r="Y27" s="933">
        <v>0</v>
      </c>
      <c r="Z27" s="888">
        <v>28320</v>
      </c>
      <c r="AA27" s="933">
        <v>35.4</v>
      </c>
      <c r="AB27" s="888">
        <v>0</v>
      </c>
      <c r="AC27" s="932">
        <v>0</v>
      </c>
      <c r="AD27" s="931"/>
      <c r="AE27" s="856">
        <v>79993</v>
      </c>
      <c r="AF27" s="834">
        <v>6860</v>
      </c>
      <c r="AG27" s="834">
        <v>0</v>
      </c>
      <c r="AH27" s="834">
        <v>1078</v>
      </c>
      <c r="AI27" s="834">
        <v>10405</v>
      </c>
      <c r="AJ27" s="930">
        <v>1600</v>
      </c>
      <c r="AK27" s="929">
        <v>63250</v>
      </c>
    </row>
    <row r="28" spans="1:37" s="813" customFormat="1" ht="13.5" customHeight="1" x14ac:dyDescent="0.15">
      <c r="A28" s="922">
        <v>23</v>
      </c>
      <c r="B28" s="842" t="s">
        <v>23</v>
      </c>
      <c r="C28" s="909"/>
      <c r="D28" s="905" t="s">
        <v>622</v>
      </c>
      <c r="E28" s="908">
        <v>2</v>
      </c>
      <c r="F28" s="907">
        <v>10</v>
      </c>
      <c r="G28" s="906" t="s">
        <v>642</v>
      </c>
      <c r="H28" s="905" t="s">
        <v>622</v>
      </c>
      <c r="I28" s="792"/>
      <c r="J28" s="893"/>
      <c r="K28" s="791" t="s">
        <v>641</v>
      </c>
      <c r="L28" s="826"/>
      <c r="M28" s="904">
        <v>1.83</v>
      </c>
      <c r="N28" s="927">
        <v>0</v>
      </c>
      <c r="O28" s="902">
        <v>16833</v>
      </c>
      <c r="P28" s="926">
        <v>0</v>
      </c>
      <c r="Q28" s="901">
        <v>17</v>
      </c>
      <c r="R28" s="845">
        <v>1774116</v>
      </c>
      <c r="S28" s="880">
        <v>0</v>
      </c>
      <c r="T28" s="922">
        <v>23</v>
      </c>
      <c r="U28" s="842" t="s">
        <v>23</v>
      </c>
      <c r="V28" s="883">
        <v>32466</v>
      </c>
      <c r="W28" s="925">
        <v>48.77</v>
      </c>
      <c r="X28" s="883">
        <v>0</v>
      </c>
      <c r="Y28" s="925">
        <v>0</v>
      </c>
      <c r="Z28" s="883">
        <v>34104</v>
      </c>
      <c r="AA28" s="847">
        <v>51.23</v>
      </c>
      <c r="AB28" s="883">
        <v>0</v>
      </c>
      <c r="AC28" s="924">
        <v>0</v>
      </c>
      <c r="AE28" s="835">
        <v>66570</v>
      </c>
      <c r="AF28" s="883">
        <v>7294</v>
      </c>
      <c r="AG28" s="883">
        <v>740</v>
      </c>
      <c r="AH28" s="883">
        <v>16</v>
      </c>
      <c r="AI28" s="883">
        <v>4199</v>
      </c>
      <c r="AJ28" s="917">
        <v>-1037</v>
      </c>
      <c r="AK28" s="880">
        <v>53284</v>
      </c>
    </row>
    <row r="29" spans="1:37" s="809" customFormat="1" ht="13.5" customHeight="1" x14ac:dyDescent="0.15">
      <c r="A29" s="922">
        <v>24</v>
      </c>
      <c r="B29" s="842" t="s">
        <v>24</v>
      </c>
      <c r="C29" s="899"/>
      <c r="D29" s="898" t="s">
        <v>622</v>
      </c>
      <c r="E29" s="897" t="s">
        <v>637</v>
      </c>
      <c r="F29" s="896">
        <v>6</v>
      </c>
      <c r="G29" s="920" t="s">
        <v>640</v>
      </c>
      <c r="H29" s="898" t="s">
        <v>622</v>
      </c>
      <c r="I29" s="894"/>
      <c r="J29" s="893"/>
      <c r="K29" s="791" t="s">
        <v>622</v>
      </c>
      <c r="L29" s="826"/>
      <c r="M29" s="892">
        <v>1.68</v>
      </c>
      <c r="N29" s="921">
        <v>2.25</v>
      </c>
      <c r="O29" s="890">
        <v>8300</v>
      </c>
      <c r="P29" s="918">
        <v>7000</v>
      </c>
      <c r="Q29" s="889">
        <v>17</v>
      </c>
      <c r="R29" s="845">
        <v>579481</v>
      </c>
      <c r="S29" s="880">
        <v>30163</v>
      </c>
      <c r="T29" s="922">
        <v>24</v>
      </c>
      <c r="U29" s="842" t="s">
        <v>24</v>
      </c>
      <c r="V29" s="888">
        <v>12088</v>
      </c>
      <c r="W29" s="925">
        <v>50.43</v>
      </c>
      <c r="X29" s="883">
        <v>803</v>
      </c>
      <c r="Y29" s="887">
        <v>3.35</v>
      </c>
      <c r="Z29" s="883">
        <v>6508</v>
      </c>
      <c r="AA29" s="847">
        <v>27.15</v>
      </c>
      <c r="AB29" s="883">
        <v>4571</v>
      </c>
      <c r="AC29" s="924">
        <v>19.07</v>
      </c>
      <c r="AD29" s="813"/>
      <c r="AE29" s="835">
        <v>23968</v>
      </c>
      <c r="AF29" s="883">
        <v>2381</v>
      </c>
      <c r="AG29" s="883">
        <v>0</v>
      </c>
      <c r="AH29" s="883">
        <v>81</v>
      </c>
      <c r="AI29" s="883">
        <v>588</v>
      </c>
      <c r="AJ29" s="917">
        <v>-3543</v>
      </c>
      <c r="AK29" s="880">
        <v>17375</v>
      </c>
    </row>
    <row r="30" spans="1:37" s="809" customFormat="1" ht="13.5" customHeight="1" x14ac:dyDescent="0.15">
      <c r="A30" s="843">
        <v>25</v>
      </c>
      <c r="B30" s="842" t="s">
        <v>25</v>
      </c>
      <c r="C30" s="899"/>
      <c r="D30" s="898" t="s">
        <v>622</v>
      </c>
      <c r="E30" s="897">
        <v>3</v>
      </c>
      <c r="F30" s="896">
        <v>10</v>
      </c>
      <c r="G30" s="920" t="s">
        <v>639</v>
      </c>
      <c r="H30" s="898" t="s">
        <v>622</v>
      </c>
      <c r="I30" s="894"/>
      <c r="J30" s="893"/>
      <c r="K30" s="791" t="s">
        <v>622</v>
      </c>
      <c r="L30" s="826"/>
      <c r="M30" s="892">
        <v>1.51</v>
      </c>
      <c r="N30" s="919">
        <v>0</v>
      </c>
      <c r="O30" s="890">
        <v>7500</v>
      </c>
      <c r="P30" s="919">
        <v>6000</v>
      </c>
      <c r="Q30" s="889">
        <v>17</v>
      </c>
      <c r="R30" s="845">
        <v>1171658</v>
      </c>
      <c r="S30" s="880">
        <v>0</v>
      </c>
      <c r="T30" s="922">
        <v>25</v>
      </c>
      <c r="U30" s="842" t="s">
        <v>25</v>
      </c>
      <c r="V30" s="888">
        <v>21252</v>
      </c>
      <c r="W30" s="887">
        <v>55.15</v>
      </c>
      <c r="X30" s="883">
        <v>0</v>
      </c>
      <c r="Y30" s="887">
        <v>0</v>
      </c>
      <c r="Z30" s="883">
        <v>10230</v>
      </c>
      <c r="AA30" s="886">
        <v>26.55</v>
      </c>
      <c r="AB30" s="884">
        <v>7050</v>
      </c>
      <c r="AC30" s="885">
        <v>18.3</v>
      </c>
      <c r="AD30" s="813"/>
      <c r="AE30" s="835">
        <v>38532</v>
      </c>
      <c r="AF30" s="883">
        <v>3699</v>
      </c>
      <c r="AG30" s="883">
        <v>781</v>
      </c>
      <c r="AH30" s="883">
        <v>0</v>
      </c>
      <c r="AI30" s="883">
        <v>1541</v>
      </c>
      <c r="AJ30" s="917">
        <v>-6506</v>
      </c>
      <c r="AK30" s="880">
        <v>26005</v>
      </c>
    </row>
    <row r="31" spans="1:37" s="809" customFormat="1" ht="13.5" customHeight="1" x14ac:dyDescent="0.15">
      <c r="A31" s="843">
        <v>26</v>
      </c>
      <c r="B31" s="842" t="s">
        <v>26</v>
      </c>
      <c r="C31" s="899"/>
      <c r="D31" s="898" t="s">
        <v>622</v>
      </c>
      <c r="E31" s="897">
        <v>4</v>
      </c>
      <c r="F31" s="896">
        <v>10</v>
      </c>
      <c r="G31" s="920" t="s">
        <v>638</v>
      </c>
      <c r="H31" s="898" t="s">
        <v>622</v>
      </c>
      <c r="I31" s="894"/>
      <c r="J31" s="893"/>
      <c r="K31" s="791" t="s">
        <v>622</v>
      </c>
      <c r="L31" s="826"/>
      <c r="M31" s="892">
        <v>1.88</v>
      </c>
      <c r="N31" s="923">
        <v>2.72</v>
      </c>
      <c r="O31" s="890">
        <v>11000</v>
      </c>
      <c r="P31" s="919">
        <v>7800</v>
      </c>
      <c r="Q31" s="889">
        <v>17</v>
      </c>
      <c r="R31" s="845">
        <v>621700</v>
      </c>
      <c r="S31" s="880">
        <v>20676</v>
      </c>
      <c r="T31" s="922">
        <v>26</v>
      </c>
      <c r="U31" s="842" t="s">
        <v>26</v>
      </c>
      <c r="V31" s="888">
        <v>11688</v>
      </c>
      <c r="W31" s="887">
        <v>44.569999999999993</v>
      </c>
      <c r="X31" s="883">
        <v>562</v>
      </c>
      <c r="Y31" s="887">
        <v>2.14</v>
      </c>
      <c r="Z31" s="883">
        <v>8690</v>
      </c>
      <c r="AA31" s="886">
        <v>33.130000000000003</v>
      </c>
      <c r="AB31" s="884">
        <v>5288</v>
      </c>
      <c r="AC31" s="885">
        <v>20.16</v>
      </c>
      <c r="AD31" s="813"/>
      <c r="AE31" s="835">
        <v>26228</v>
      </c>
      <c r="AF31" s="883">
        <v>3684</v>
      </c>
      <c r="AG31" s="883">
        <v>576</v>
      </c>
      <c r="AH31" s="883">
        <v>0</v>
      </c>
      <c r="AI31" s="883">
        <v>656</v>
      </c>
      <c r="AJ31" s="917">
        <v>-593</v>
      </c>
      <c r="AK31" s="880">
        <v>20719</v>
      </c>
    </row>
    <row r="32" spans="1:37" s="809" customFormat="1" ht="13.5" customHeight="1" x14ac:dyDescent="0.15">
      <c r="A32" s="843">
        <v>27</v>
      </c>
      <c r="B32" s="842" t="s">
        <v>27</v>
      </c>
      <c r="C32" s="899"/>
      <c r="D32" s="898" t="s">
        <v>622</v>
      </c>
      <c r="E32" s="897" t="s">
        <v>637</v>
      </c>
      <c r="F32" s="896">
        <v>8</v>
      </c>
      <c r="G32" s="920" t="s">
        <v>636</v>
      </c>
      <c r="H32" s="898" t="s">
        <v>622</v>
      </c>
      <c r="I32" s="894"/>
      <c r="J32" s="893"/>
      <c r="K32" s="791" t="s">
        <v>622</v>
      </c>
      <c r="L32" s="826"/>
      <c r="M32" s="892">
        <v>1.3</v>
      </c>
      <c r="N32" s="921">
        <v>5</v>
      </c>
      <c r="O32" s="890">
        <v>4200</v>
      </c>
      <c r="P32" s="918">
        <v>5600</v>
      </c>
      <c r="Q32" s="889">
        <v>17</v>
      </c>
      <c r="R32" s="845">
        <v>584255</v>
      </c>
      <c r="S32" s="880">
        <v>19338</v>
      </c>
      <c r="T32" s="843">
        <v>27</v>
      </c>
      <c r="U32" s="842" t="s">
        <v>27</v>
      </c>
      <c r="V32" s="888">
        <v>7595</v>
      </c>
      <c r="W32" s="887">
        <v>49.97</v>
      </c>
      <c r="X32" s="883">
        <v>967</v>
      </c>
      <c r="Y32" s="887">
        <v>6.36</v>
      </c>
      <c r="Z32" s="883">
        <v>3100</v>
      </c>
      <c r="AA32" s="886">
        <v>20.39</v>
      </c>
      <c r="AB32" s="884">
        <v>3539</v>
      </c>
      <c r="AC32" s="885">
        <v>23.28</v>
      </c>
      <c r="AD32" s="813"/>
      <c r="AE32" s="835">
        <v>15201</v>
      </c>
      <c r="AF32" s="883">
        <v>1229</v>
      </c>
      <c r="AG32" s="883">
        <v>0</v>
      </c>
      <c r="AH32" s="883">
        <v>0</v>
      </c>
      <c r="AI32" s="883">
        <v>438</v>
      </c>
      <c r="AJ32" s="917">
        <v>-872</v>
      </c>
      <c r="AK32" s="880">
        <v>12662</v>
      </c>
    </row>
    <row r="33" spans="1:38" s="809" customFormat="1" ht="13.5" customHeight="1" x14ac:dyDescent="0.15">
      <c r="A33" s="843">
        <v>28</v>
      </c>
      <c r="B33" s="842" t="s">
        <v>28</v>
      </c>
      <c r="C33" s="899"/>
      <c r="D33" s="898" t="s">
        <v>622</v>
      </c>
      <c r="E33" s="897">
        <v>3</v>
      </c>
      <c r="F33" s="896">
        <v>10</v>
      </c>
      <c r="G33" s="920" t="s">
        <v>634</v>
      </c>
      <c r="H33" s="898" t="s">
        <v>622</v>
      </c>
      <c r="I33" s="894"/>
      <c r="J33" s="893"/>
      <c r="K33" s="791" t="s">
        <v>622</v>
      </c>
      <c r="L33" s="826"/>
      <c r="M33" s="892">
        <v>1.99</v>
      </c>
      <c r="N33" s="919">
        <v>0</v>
      </c>
      <c r="O33" s="890">
        <v>11000</v>
      </c>
      <c r="P33" s="918">
        <v>4900</v>
      </c>
      <c r="Q33" s="889">
        <v>17</v>
      </c>
      <c r="R33" s="845">
        <v>791182</v>
      </c>
      <c r="S33" s="880">
        <v>0</v>
      </c>
      <c r="T33" s="843">
        <v>28</v>
      </c>
      <c r="U33" s="842" t="s">
        <v>28</v>
      </c>
      <c r="V33" s="888">
        <v>19537</v>
      </c>
      <c r="W33" s="887">
        <v>52.989999999999995</v>
      </c>
      <c r="X33" s="883">
        <v>0</v>
      </c>
      <c r="Y33" s="887">
        <v>0</v>
      </c>
      <c r="Z33" s="883">
        <v>12474</v>
      </c>
      <c r="AA33" s="886">
        <v>33.840000000000003</v>
      </c>
      <c r="AB33" s="884">
        <v>4856</v>
      </c>
      <c r="AC33" s="885">
        <v>13.17</v>
      </c>
      <c r="AD33" s="813"/>
      <c r="AE33" s="835">
        <v>36867</v>
      </c>
      <c r="AF33" s="883">
        <v>3943</v>
      </c>
      <c r="AG33" s="883">
        <v>0</v>
      </c>
      <c r="AH33" s="883">
        <v>325</v>
      </c>
      <c r="AI33" s="883">
        <v>639</v>
      </c>
      <c r="AJ33" s="917">
        <v>-6348</v>
      </c>
      <c r="AK33" s="880">
        <v>25612</v>
      </c>
    </row>
    <row r="34" spans="1:38" s="809" customFormat="1" ht="13.5" customHeight="1" x14ac:dyDescent="0.15">
      <c r="A34" s="843">
        <v>29</v>
      </c>
      <c r="B34" s="842" t="s">
        <v>29</v>
      </c>
      <c r="C34" s="898" t="s">
        <v>622</v>
      </c>
      <c r="D34" s="899"/>
      <c r="E34" s="897">
        <v>3</v>
      </c>
      <c r="F34" s="896">
        <v>10</v>
      </c>
      <c r="G34" s="920" t="s">
        <v>634</v>
      </c>
      <c r="H34" s="898" t="s">
        <v>622</v>
      </c>
      <c r="I34" s="894"/>
      <c r="J34" s="893"/>
      <c r="K34" s="791" t="s">
        <v>622</v>
      </c>
      <c r="L34" s="826"/>
      <c r="M34" s="892">
        <v>1.81</v>
      </c>
      <c r="N34" s="919">
        <v>0</v>
      </c>
      <c r="O34" s="890">
        <v>7410</v>
      </c>
      <c r="P34" s="918">
        <v>6840</v>
      </c>
      <c r="Q34" s="889">
        <v>17</v>
      </c>
      <c r="R34" s="845">
        <v>808009</v>
      </c>
      <c r="S34" s="880">
        <v>0</v>
      </c>
      <c r="T34" s="843">
        <v>29</v>
      </c>
      <c r="U34" s="842" t="s">
        <v>29</v>
      </c>
      <c r="V34" s="888">
        <v>18949</v>
      </c>
      <c r="W34" s="887">
        <v>56.14</v>
      </c>
      <c r="X34" s="883">
        <v>0</v>
      </c>
      <c r="Y34" s="887">
        <v>0</v>
      </c>
      <c r="Z34" s="883">
        <v>8129</v>
      </c>
      <c r="AA34" s="886">
        <v>24.08</v>
      </c>
      <c r="AB34" s="884">
        <v>6676</v>
      </c>
      <c r="AC34" s="885">
        <v>19.78</v>
      </c>
      <c r="AD34" s="813"/>
      <c r="AE34" s="835">
        <v>33754</v>
      </c>
      <c r="AF34" s="883">
        <v>3372</v>
      </c>
      <c r="AG34" s="883">
        <v>1814</v>
      </c>
      <c r="AH34" s="883">
        <v>226</v>
      </c>
      <c r="AI34" s="883">
        <v>608</v>
      </c>
      <c r="AJ34" s="917">
        <v>-5768</v>
      </c>
      <c r="AK34" s="880">
        <v>21966</v>
      </c>
    </row>
    <row r="35" spans="1:38" s="809" customFormat="1" ht="13.5" customHeight="1" x14ac:dyDescent="0.15">
      <c r="A35" s="843">
        <v>30</v>
      </c>
      <c r="B35" s="842" t="s">
        <v>30</v>
      </c>
      <c r="C35" s="899"/>
      <c r="D35" s="898" t="s">
        <v>622</v>
      </c>
      <c r="E35" s="897">
        <v>3</v>
      </c>
      <c r="F35" s="896">
        <v>12</v>
      </c>
      <c r="G35" s="920" t="s">
        <v>635</v>
      </c>
      <c r="H35" s="898" t="s">
        <v>622</v>
      </c>
      <c r="I35" s="894"/>
      <c r="J35" s="893"/>
      <c r="K35" s="791" t="s">
        <v>622</v>
      </c>
      <c r="L35" s="826"/>
      <c r="M35" s="892">
        <v>2.52</v>
      </c>
      <c r="N35" s="919">
        <v>0</v>
      </c>
      <c r="O35" s="890">
        <v>12640</v>
      </c>
      <c r="P35" s="918">
        <v>6360</v>
      </c>
      <c r="Q35" s="889">
        <v>17</v>
      </c>
      <c r="R35" s="845">
        <v>463140</v>
      </c>
      <c r="S35" s="880">
        <v>0</v>
      </c>
      <c r="T35" s="843">
        <v>30</v>
      </c>
      <c r="U35" s="842" t="s">
        <v>30</v>
      </c>
      <c r="V35" s="888">
        <v>14079</v>
      </c>
      <c r="W35" s="887">
        <v>48.53</v>
      </c>
      <c r="X35" s="883">
        <v>0</v>
      </c>
      <c r="Y35" s="887">
        <v>0</v>
      </c>
      <c r="Z35" s="883">
        <v>10390</v>
      </c>
      <c r="AA35" s="886">
        <v>35.82</v>
      </c>
      <c r="AB35" s="884">
        <v>4541</v>
      </c>
      <c r="AC35" s="885">
        <v>15.65</v>
      </c>
      <c r="AD35" s="813"/>
      <c r="AE35" s="835">
        <v>29010</v>
      </c>
      <c r="AF35" s="883">
        <v>3850</v>
      </c>
      <c r="AG35" s="883">
        <v>0</v>
      </c>
      <c r="AH35" s="883">
        <v>617</v>
      </c>
      <c r="AI35" s="883">
        <v>667</v>
      </c>
      <c r="AJ35" s="917">
        <v>-3792</v>
      </c>
      <c r="AK35" s="880">
        <v>20084</v>
      </c>
    </row>
    <row r="36" spans="1:38" s="809" customFormat="1" ht="13.5" customHeight="1" x14ac:dyDescent="0.15">
      <c r="A36" s="843">
        <v>31</v>
      </c>
      <c r="B36" s="842" t="s">
        <v>31</v>
      </c>
      <c r="C36" s="898" t="s">
        <v>622</v>
      </c>
      <c r="D36" s="899"/>
      <c r="E36" s="897">
        <v>3</v>
      </c>
      <c r="F36" s="896">
        <v>10</v>
      </c>
      <c r="G36" s="920" t="s">
        <v>634</v>
      </c>
      <c r="H36" s="898" t="s">
        <v>622</v>
      </c>
      <c r="I36" s="894"/>
      <c r="J36" s="893"/>
      <c r="K36" s="791" t="s">
        <v>622</v>
      </c>
      <c r="L36" s="826"/>
      <c r="M36" s="892">
        <v>1.73</v>
      </c>
      <c r="N36" s="919">
        <v>0</v>
      </c>
      <c r="O36" s="890">
        <v>8100</v>
      </c>
      <c r="P36" s="918">
        <v>4700</v>
      </c>
      <c r="Q36" s="889">
        <v>17</v>
      </c>
      <c r="R36" s="845">
        <v>2058310</v>
      </c>
      <c r="S36" s="880">
        <v>0</v>
      </c>
      <c r="T36" s="843">
        <v>31</v>
      </c>
      <c r="U36" s="842" t="s">
        <v>31</v>
      </c>
      <c r="V36" s="888">
        <v>35608</v>
      </c>
      <c r="W36" s="887">
        <v>56.59</v>
      </c>
      <c r="X36" s="883">
        <v>0</v>
      </c>
      <c r="Y36" s="887">
        <v>0</v>
      </c>
      <c r="Z36" s="883">
        <v>18282</v>
      </c>
      <c r="AA36" s="886">
        <v>29.05</v>
      </c>
      <c r="AB36" s="884">
        <v>9033</v>
      </c>
      <c r="AC36" s="885">
        <v>14.36</v>
      </c>
      <c r="AD36" s="813"/>
      <c r="AE36" s="835">
        <v>62923</v>
      </c>
      <c r="AF36" s="883">
        <v>7017</v>
      </c>
      <c r="AG36" s="883">
        <v>0</v>
      </c>
      <c r="AH36" s="883">
        <v>1049</v>
      </c>
      <c r="AI36" s="883">
        <v>2585</v>
      </c>
      <c r="AJ36" s="917">
        <v>-1920</v>
      </c>
      <c r="AK36" s="880">
        <v>50352</v>
      </c>
    </row>
    <row r="37" spans="1:38" s="809" customFormat="1" ht="13.5" customHeight="1" x14ac:dyDescent="0.15">
      <c r="A37" s="843">
        <v>32</v>
      </c>
      <c r="B37" s="842" t="s">
        <v>32</v>
      </c>
      <c r="C37" s="899"/>
      <c r="D37" s="898" t="s">
        <v>622</v>
      </c>
      <c r="E37" s="897">
        <v>3</v>
      </c>
      <c r="F37" s="896">
        <v>10</v>
      </c>
      <c r="G37" s="920" t="s">
        <v>634</v>
      </c>
      <c r="H37" s="898" t="s">
        <v>622</v>
      </c>
      <c r="I37" s="894"/>
      <c r="J37" s="893"/>
      <c r="K37" s="791" t="s">
        <v>622</v>
      </c>
      <c r="L37" s="826"/>
      <c r="M37" s="892">
        <v>1.65</v>
      </c>
      <c r="N37" s="919">
        <v>0</v>
      </c>
      <c r="O37" s="890">
        <v>7000</v>
      </c>
      <c r="P37" s="918">
        <v>6000</v>
      </c>
      <c r="Q37" s="889">
        <v>17</v>
      </c>
      <c r="R37" s="845">
        <v>2928569</v>
      </c>
      <c r="S37" s="880">
        <v>0</v>
      </c>
      <c r="T37" s="843">
        <v>32</v>
      </c>
      <c r="U37" s="842" t="s">
        <v>32</v>
      </c>
      <c r="V37" s="888">
        <v>56891</v>
      </c>
      <c r="W37" s="887">
        <v>55.24</v>
      </c>
      <c r="X37" s="883">
        <v>0</v>
      </c>
      <c r="Y37" s="887">
        <v>0</v>
      </c>
      <c r="Z37" s="883">
        <v>26705</v>
      </c>
      <c r="AA37" s="886">
        <v>25.93</v>
      </c>
      <c r="AB37" s="884">
        <v>19398</v>
      </c>
      <c r="AC37" s="885">
        <v>18.829999999999998</v>
      </c>
      <c r="AD37" s="813"/>
      <c r="AE37" s="835">
        <v>102994</v>
      </c>
      <c r="AF37" s="883">
        <v>10544</v>
      </c>
      <c r="AG37" s="883">
        <v>0</v>
      </c>
      <c r="AH37" s="883">
        <v>3467</v>
      </c>
      <c r="AI37" s="883">
        <v>3911</v>
      </c>
      <c r="AJ37" s="917">
        <v>-16257</v>
      </c>
      <c r="AK37" s="880">
        <v>68815</v>
      </c>
    </row>
    <row r="38" spans="1:38" s="809" customFormat="1" ht="13.5" customHeight="1" thickBot="1" x14ac:dyDescent="0.2">
      <c r="A38" s="820">
        <v>33</v>
      </c>
      <c r="B38" s="819" t="s">
        <v>33</v>
      </c>
      <c r="C38" s="875" t="s">
        <v>622</v>
      </c>
      <c r="D38" s="879"/>
      <c r="E38" s="878">
        <v>3</v>
      </c>
      <c r="F38" s="877">
        <v>10</v>
      </c>
      <c r="G38" s="876" t="s">
        <v>634</v>
      </c>
      <c r="H38" s="875" t="s">
        <v>622</v>
      </c>
      <c r="I38" s="874"/>
      <c r="J38" s="828"/>
      <c r="K38" s="873" t="s">
        <v>622</v>
      </c>
      <c r="L38" s="872"/>
      <c r="M38" s="916">
        <v>2.16</v>
      </c>
      <c r="N38" s="915">
        <v>0</v>
      </c>
      <c r="O38" s="914">
        <v>9450</v>
      </c>
      <c r="P38" s="913">
        <v>3310</v>
      </c>
      <c r="Q38" s="912">
        <v>17</v>
      </c>
      <c r="R38" s="817">
        <v>190400</v>
      </c>
      <c r="S38" s="858">
        <v>0</v>
      </c>
      <c r="T38" s="820">
        <v>33</v>
      </c>
      <c r="U38" s="819" t="s">
        <v>33</v>
      </c>
      <c r="V38" s="867">
        <v>4113</v>
      </c>
      <c r="W38" s="866">
        <v>59.2</v>
      </c>
      <c r="X38" s="861">
        <v>0</v>
      </c>
      <c r="Y38" s="866">
        <v>0</v>
      </c>
      <c r="Z38" s="861">
        <v>2202</v>
      </c>
      <c r="AA38" s="865">
        <v>31.7</v>
      </c>
      <c r="AB38" s="811">
        <v>632</v>
      </c>
      <c r="AC38" s="864">
        <v>9.1</v>
      </c>
      <c r="AD38" s="863"/>
      <c r="AE38" s="911">
        <v>6947</v>
      </c>
      <c r="AF38" s="861">
        <v>623</v>
      </c>
      <c r="AG38" s="861">
        <v>256</v>
      </c>
      <c r="AH38" s="861">
        <v>0</v>
      </c>
      <c r="AI38" s="861">
        <v>384</v>
      </c>
      <c r="AJ38" s="910">
        <v>-90</v>
      </c>
      <c r="AK38" s="858">
        <v>5594</v>
      </c>
    </row>
    <row r="39" spans="1:38" s="809" customFormat="1" ht="13.5" hidden="1" customHeight="1" thickTop="1" x14ac:dyDescent="0.15">
      <c r="A39" s="843">
        <v>34</v>
      </c>
      <c r="B39" s="842" t="s">
        <v>34</v>
      </c>
      <c r="C39" s="909"/>
      <c r="D39" s="905"/>
      <c r="E39" s="908"/>
      <c r="F39" s="907"/>
      <c r="G39" s="906"/>
      <c r="H39" s="905"/>
      <c r="I39" s="894"/>
      <c r="J39" s="893"/>
      <c r="K39" s="791" t="s">
        <v>622</v>
      </c>
      <c r="L39" s="826"/>
      <c r="M39" s="904">
        <v>1.2</v>
      </c>
      <c r="N39" s="903">
        <v>8.6999999999999993</v>
      </c>
      <c r="O39" s="902">
        <v>8400</v>
      </c>
      <c r="P39" s="902">
        <v>5000</v>
      </c>
      <c r="Q39" s="901">
        <v>10</v>
      </c>
      <c r="R39" s="845" t="e">
        <v>#REF!</v>
      </c>
      <c r="S39" s="880" t="e">
        <v>#REF!</v>
      </c>
      <c r="T39" s="843">
        <v>34</v>
      </c>
      <c r="U39" s="842" t="s">
        <v>34</v>
      </c>
      <c r="V39" s="883" t="e">
        <v>#REF!</v>
      </c>
      <c r="W39" s="887" t="e">
        <v>#REF!</v>
      </c>
      <c r="X39" s="883" t="e">
        <v>#REF!</v>
      </c>
      <c r="Y39" s="887" t="e">
        <v>#REF!</v>
      </c>
      <c r="Z39" s="883" t="e">
        <v>#REF!</v>
      </c>
      <c r="AA39" s="886" t="e">
        <v>#REF!</v>
      </c>
      <c r="AB39" s="884" t="e">
        <v>#REF!</v>
      </c>
      <c r="AC39" s="885" t="e">
        <v>#REF!</v>
      </c>
      <c r="AD39" s="813"/>
      <c r="AE39" s="835" t="e">
        <v>#REF!</v>
      </c>
      <c r="AF39" s="883" t="e">
        <v>#REF!</v>
      </c>
      <c r="AG39" s="883" t="e">
        <v>#REF!</v>
      </c>
      <c r="AH39" s="883" t="e">
        <v>#REF!</v>
      </c>
      <c r="AI39" s="882" t="e">
        <v>#REF!</v>
      </c>
      <c r="AJ39" s="881" t="e">
        <v>#REF!</v>
      </c>
      <c r="AK39" s="880" t="e">
        <v>#REF!</v>
      </c>
    </row>
    <row r="40" spans="1:38" s="809" customFormat="1" ht="13.5" hidden="1" customHeight="1" x14ac:dyDescent="0.15">
      <c r="A40" s="843"/>
      <c r="B40" s="842"/>
      <c r="C40" s="899"/>
      <c r="D40" s="898"/>
      <c r="E40" s="897"/>
      <c r="F40" s="896"/>
      <c r="G40" s="895"/>
      <c r="H40" s="792"/>
      <c r="I40" s="894"/>
      <c r="J40" s="893"/>
      <c r="K40" s="791"/>
      <c r="L40" s="826"/>
      <c r="M40" s="892">
        <v>1</v>
      </c>
      <c r="N40" s="900" t="s">
        <v>633</v>
      </c>
      <c r="O40" s="890">
        <v>5000</v>
      </c>
      <c r="P40" s="890">
        <v>5800</v>
      </c>
      <c r="Q40" s="889">
        <v>10</v>
      </c>
      <c r="R40" s="845"/>
      <c r="S40" s="880"/>
      <c r="T40" s="843"/>
      <c r="U40" s="842"/>
      <c r="V40" s="888"/>
      <c r="W40" s="887"/>
      <c r="X40" s="845"/>
      <c r="Y40" s="887"/>
      <c r="Z40" s="884"/>
      <c r="AA40" s="886"/>
      <c r="AB40" s="884"/>
      <c r="AC40" s="885"/>
      <c r="AD40" s="813"/>
      <c r="AE40" s="835"/>
      <c r="AF40" s="884"/>
      <c r="AG40" s="883"/>
      <c r="AH40" s="883"/>
      <c r="AI40" s="882"/>
      <c r="AJ40" s="881"/>
      <c r="AK40" s="880"/>
    </row>
    <row r="41" spans="1:38" s="809" customFormat="1" ht="13.5" hidden="1" customHeight="1" x14ac:dyDescent="0.15">
      <c r="A41" s="843"/>
      <c r="B41" s="842"/>
      <c r="C41" s="899"/>
      <c r="D41" s="898"/>
      <c r="E41" s="897"/>
      <c r="F41" s="896"/>
      <c r="G41" s="895"/>
      <c r="H41" s="792"/>
      <c r="I41" s="894"/>
      <c r="J41" s="893"/>
      <c r="K41" s="791"/>
      <c r="L41" s="826"/>
      <c r="M41" s="892">
        <v>1.68</v>
      </c>
      <c r="N41" s="891">
        <v>8.5299999999999994</v>
      </c>
      <c r="O41" s="890">
        <v>8220</v>
      </c>
      <c r="P41" s="890">
        <v>3600</v>
      </c>
      <c r="Q41" s="889">
        <v>10</v>
      </c>
      <c r="R41" s="845"/>
      <c r="S41" s="880"/>
      <c r="T41" s="843"/>
      <c r="U41" s="842"/>
      <c r="V41" s="888"/>
      <c r="W41" s="887"/>
      <c r="X41" s="845"/>
      <c r="Y41" s="887"/>
      <c r="Z41" s="884"/>
      <c r="AA41" s="886"/>
      <c r="AB41" s="884"/>
      <c r="AC41" s="885"/>
      <c r="AD41" s="813"/>
      <c r="AE41" s="835"/>
      <c r="AF41" s="884"/>
      <c r="AG41" s="883"/>
      <c r="AH41" s="883"/>
      <c r="AI41" s="882"/>
      <c r="AJ41" s="881"/>
      <c r="AK41" s="880"/>
    </row>
    <row r="42" spans="1:38" s="809" customFormat="1" ht="13.5" hidden="1" customHeight="1" thickBot="1" x14ac:dyDescent="0.2">
      <c r="A42" s="820">
        <v>37</v>
      </c>
      <c r="B42" s="819" t="s">
        <v>37</v>
      </c>
      <c r="C42" s="879"/>
      <c r="D42" s="875"/>
      <c r="E42" s="878"/>
      <c r="F42" s="877"/>
      <c r="G42" s="876"/>
      <c r="H42" s="875"/>
      <c r="I42" s="874"/>
      <c r="J42" s="828"/>
      <c r="K42" s="873" t="s">
        <v>622</v>
      </c>
      <c r="L42" s="872"/>
      <c r="M42" s="871"/>
      <c r="N42" s="870"/>
      <c r="O42" s="869"/>
      <c r="P42" s="869"/>
      <c r="Q42" s="868">
        <v>10</v>
      </c>
      <c r="R42" s="811" t="e">
        <v>#REF!</v>
      </c>
      <c r="S42" s="858" t="e">
        <v>#REF!</v>
      </c>
      <c r="T42" s="820">
        <v>37</v>
      </c>
      <c r="U42" s="819" t="s">
        <v>37</v>
      </c>
      <c r="V42" s="867" t="e">
        <v>#REF!</v>
      </c>
      <c r="W42" s="866" t="e">
        <v>#REF!</v>
      </c>
      <c r="X42" s="861" t="e">
        <v>#REF!</v>
      </c>
      <c r="Y42" s="866" t="e">
        <v>#REF!</v>
      </c>
      <c r="Z42" s="811" t="e">
        <v>#REF!</v>
      </c>
      <c r="AA42" s="865" t="e">
        <v>#REF!</v>
      </c>
      <c r="AB42" s="811" t="e">
        <v>#REF!</v>
      </c>
      <c r="AC42" s="864" t="e">
        <v>#REF!</v>
      </c>
      <c r="AD42" s="863"/>
      <c r="AE42" s="862" t="e">
        <v>#REF!</v>
      </c>
      <c r="AF42" s="811" t="e">
        <v>#REF!</v>
      </c>
      <c r="AG42" s="861" t="e">
        <v>#REF!</v>
      </c>
      <c r="AH42" s="861" t="e">
        <v>#REF!</v>
      </c>
      <c r="AI42" s="860" t="e">
        <v>#REF!</v>
      </c>
      <c r="AJ42" s="859" t="e">
        <v>#REF!</v>
      </c>
      <c r="AK42" s="858" t="e">
        <v>#REF!</v>
      </c>
      <c r="AL42" s="857"/>
    </row>
    <row r="43" spans="1:38" s="809" customFormat="1" ht="13.5" customHeight="1" thickTop="1" x14ac:dyDescent="0.15">
      <c r="A43" s="843">
        <v>301</v>
      </c>
      <c r="B43" s="842" t="s">
        <v>631</v>
      </c>
      <c r="C43" s="789" t="s">
        <v>622</v>
      </c>
      <c r="D43" s="853"/>
      <c r="E43" s="852"/>
      <c r="F43" s="797" t="s">
        <v>621</v>
      </c>
      <c r="G43" s="851"/>
      <c r="H43" s="850"/>
      <c r="I43" s="850"/>
      <c r="J43" s="850"/>
      <c r="K43" s="849"/>
      <c r="L43" s="826"/>
      <c r="M43" s="848" t="s">
        <v>632</v>
      </c>
      <c r="N43" s="847"/>
      <c r="O43" s="845"/>
      <c r="P43" s="845"/>
      <c r="Q43" s="846"/>
      <c r="R43" s="845"/>
      <c r="S43" s="844"/>
      <c r="T43" s="843">
        <v>301</v>
      </c>
      <c r="U43" s="842" t="s">
        <v>631</v>
      </c>
      <c r="V43" s="840"/>
      <c r="W43" s="841"/>
      <c r="X43" s="840"/>
      <c r="Y43" s="839"/>
      <c r="Z43" s="837"/>
      <c r="AA43" s="838"/>
      <c r="AB43" s="837"/>
      <c r="AC43" s="836"/>
      <c r="AD43" s="813"/>
      <c r="AE43" s="856">
        <v>434604</v>
      </c>
      <c r="AF43" s="837">
        <v>0</v>
      </c>
      <c r="AG43" s="837">
        <v>0</v>
      </c>
      <c r="AH43" s="837">
        <v>0</v>
      </c>
      <c r="AI43" s="837">
        <v>0</v>
      </c>
      <c r="AJ43" s="837">
        <v>0</v>
      </c>
      <c r="AK43" s="855">
        <v>434604</v>
      </c>
    </row>
    <row r="44" spans="1:38" s="809" customFormat="1" ht="13.5" customHeight="1" x14ac:dyDescent="0.15">
      <c r="A44" s="843">
        <v>302</v>
      </c>
      <c r="B44" s="842" t="s">
        <v>629</v>
      </c>
      <c r="C44" s="789" t="s">
        <v>622</v>
      </c>
      <c r="D44" s="853"/>
      <c r="E44" s="852"/>
      <c r="F44" s="797" t="s">
        <v>621</v>
      </c>
      <c r="G44" s="851"/>
      <c r="H44" s="850"/>
      <c r="I44" s="850"/>
      <c r="J44" s="850"/>
      <c r="K44" s="849"/>
      <c r="L44" s="826"/>
      <c r="M44" s="848" t="s">
        <v>630</v>
      </c>
      <c r="N44" s="847"/>
      <c r="O44" s="845"/>
      <c r="P44" s="845"/>
      <c r="Q44" s="846"/>
      <c r="R44" s="845"/>
      <c r="S44" s="844"/>
      <c r="T44" s="843">
        <v>302</v>
      </c>
      <c r="U44" s="842" t="s">
        <v>629</v>
      </c>
      <c r="W44" s="841"/>
      <c r="X44" s="840"/>
      <c r="Y44" s="839"/>
      <c r="Z44" s="837"/>
      <c r="AA44" s="838"/>
      <c r="AB44" s="837"/>
      <c r="AC44" s="836"/>
      <c r="AD44" s="813"/>
      <c r="AE44" s="854">
        <v>418574</v>
      </c>
      <c r="AF44" s="834">
        <v>0</v>
      </c>
      <c r="AG44" s="834">
        <v>0</v>
      </c>
      <c r="AH44" s="834">
        <v>0</v>
      </c>
      <c r="AI44" s="834">
        <v>0</v>
      </c>
      <c r="AJ44" s="834">
        <v>0</v>
      </c>
      <c r="AK44" s="833">
        <v>418574</v>
      </c>
    </row>
    <row r="45" spans="1:38" s="809" customFormat="1" ht="13.5" customHeight="1" x14ac:dyDescent="0.15">
      <c r="A45" s="843">
        <v>303</v>
      </c>
      <c r="B45" s="842" t="s">
        <v>627</v>
      </c>
      <c r="C45" s="789" t="s">
        <v>622</v>
      </c>
      <c r="D45" s="853"/>
      <c r="E45" s="852"/>
      <c r="F45" s="797" t="s">
        <v>621</v>
      </c>
      <c r="G45" s="851"/>
      <c r="H45" s="850"/>
      <c r="I45" s="850"/>
      <c r="J45" s="850"/>
      <c r="K45" s="849"/>
      <c r="L45" s="826"/>
      <c r="M45" s="848" t="s">
        <v>628</v>
      </c>
      <c r="N45" s="847"/>
      <c r="O45" s="845"/>
      <c r="P45" s="845"/>
      <c r="Q45" s="846"/>
      <c r="R45" s="845"/>
      <c r="S45" s="844"/>
      <c r="T45" s="843">
        <v>303</v>
      </c>
      <c r="U45" s="842" t="s">
        <v>627</v>
      </c>
      <c r="V45" s="840"/>
      <c r="W45" s="841"/>
      <c r="X45" s="840"/>
      <c r="Y45" s="839"/>
      <c r="Z45" s="837"/>
      <c r="AA45" s="838"/>
      <c r="AB45" s="837"/>
      <c r="AC45" s="836"/>
      <c r="AD45" s="813"/>
      <c r="AE45" s="854">
        <v>202059</v>
      </c>
      <c r="AF45" s="834">
        <v>0</v>
      </c>
      <c r="AG45" s="834">
        <v>104</v>
      </c>
      <c r="AH45" s="834">
        <v>0</v>
      </c>
      <c r="AI45" s="834">
        <v>0</v>
      </c>
      <c r="AJ45" s="834">
        <v>0</v>
      </c>
      <c r="AK45" s="833">
        <v>201955</v>
      </c>
    </row>
    <row r="46" spans="1:38" s="809" customFormat="1" ht="13.5" customHeight="1" x14ac:dyDescent="0.15">
      <c r="A46" s="843">
        <v>304</v>
      </c>
      <c r="B46" s="842" t="s">
        <v>625</v>
      </c>
      <c r="C46" s="789" t="s">
        <v>622</v>
      </c>
      <c r="D46" s="853"/>
      <c r="E46" s="852"/>
      <c r="F46" s="797" t="s">
        <v>621</v>
      </c>
      <c r="G46" s="851"/>
      <c r="H46" s="850"/>
      <c r="I46" s="850"/>
      <c r="J46" s="850"/>
      <c r="K46" s="849"/>
      <c r="L46" s="826"/>
      <c r="M46" s="848" t="s">
        <v>626</v>
      </c>
      <c r="N46" s="847"/>
      <c r="O46" s="845"/>
      <c r="P46" s="845"/>
      <c r="Q46" s="846"/>
      <c r="R46" s="845"/>
      <c r="S46" s="844"/>
      <c r="T46" s="843">
        <v>304</v>
      </c>
      <c r="U46" s="842" t="s">
        <v>625</v>
      </c>
      <c r="V46" s="840"/>
      <c r="W46" s="841"/>
      <c r="X46" s="840"/>
      <c r="Y46" s="839"/>
      <c r="Z46" s="837"/>
      <c r="AA46" s="838"/>
      <c r="AB46" s="837"/>
      <c r="AC46" s="836"/>
      <c r="AD46" s="813"/>
      <c r="AE46" s="835">
        <v>119054</v>
      </c>
      <c r="AF46" s="834">
        <v>0</v>
      </c>
      <c r="AG46" s="834">
        <v>0</v>
      </c>
      <c r="AH46" s="834">
        <v>0</v>
      </c>
      <c r="AI46" s="834">
        <v>0</v>
      </c>
      <c r="AJ46" s="834">
        <v>0</v>
      </c>
      <c r="AK46" s="833">
        <v>119054</v>
      </c>
    </row>
    <row r="47" spans="1:38" s="809" customFormat="1" ht="13.5" customHeight="1" x14ac:dyDescent="0.15">
      <c r="A47" s="843">
        <v>305</v>
      </c>
      <c r="B47" s="842" t="s">
        <v>623</v>
      </c>
      <c r="C47" s="789" t="s">
        <v>622</v>
      </c>
      <c r="D47" s="853"/>
      <c r="E47" s="852"/>
      <c r="F47" s="797" t="s">
        <v>621</v>
      </c>
      <c r="G47" s="851"/>
      <c r="H47" s="850"/>
      <c r="I47" s="850"/>
      <c r="J47" s="850"/>
      <c r="K47" s="849"/>
      <c r="L47" s="826"/>
      <c r="M47" s="848" t="s">
        <v>624</v>
      </c>
      <c r="N47" s="847"/>
      <c r="O47" s="845"/>
      <c r="P47" s="845"/>
      <c r="Q47" s="846"/>
      <c r="R47" s="845"/>
      <c r="S47" s="844"/>
      <c r="T47" s="843">
        <v>305</v>
      </c>
      <c r="U47" s="842" t="s">
        <v>623</v>
      </c>
      <c r="V47" s="840"/>
      <c r="W47" s="841"/>
      <c r="X47" s="840"/>
      <c r="Y47" s="839"/>
      <c r="Z47" s="837"/>
      <c r="AA47" s="838"/>
      <c r="AB47" s="837"/>
      <c r="AC47" s="836"/>
      <c r="AD47" s="813"/>
      <c r="AE47" s="835">
        <v>105724</v>
      </c>
      <c r="AF47" s="834">
        <v>0</v>
      </c>
      <c r="AG47" s="834">
        <v>0</v>
      </c>
      <c r="AH47" s="834">
        <v>0</v>
      </c>
      <c r="AI47" s="834">
        <v>0</v>
      </c>
      <c r="AJ47" s="834">
        <v>0</v>
      </c>
      <c r="AK47" s="833">
        <v>105724</v>
      </c>
    </row>
    <row r="48" spans="1:38" s="809" customFormat="1" ht="13.5" customHeight="1" thickBot="1" x14ac:dyDescent="0.2">
      <c r="A48" s="820">
        <v>306</v>
      </c>
      <c r="B48" s="819" t="s">
        <v>619</v>
      </c>
      <c r="C48" s="780" t="s">
        <v>622</v>
      </c>
      <c r="D48" s="832"/>
      <c r="E48" s="831"/>
      <c r="F48" s="830" t="s">
        <v>621</v>
      </c>
      <c r="G48" s="829"/>
      <c r="H48" s="828"/>
      <c r="I48" s="828"/>
      <c r="J48" s="828"/>
      <c r="K48" s="827"/>
      <c r="L48" s="826"/>
      <c r="M48" s="825" t="s">
        <v>620</v>
      </c>
      <c r="N48" s="824"/>
      <c r="O48" s="822"/>
      <c r="P48" s="822"/>
      <c r="Q48" s="823"/>
      <c r="R48" s="822"/>
      <c r="S48" s="821"/>
      <c r="T48" s="820">
        <v>306</v>
      </c>
      <c r="U48" s="819" t="s">
        <v>619</v>
      </c>
      <c r="V48" s="817"/>
      <c r="W48" s="818"/>
      <c r="X48" s="817"/>
      <c r="Y48" s="816"/>
      <c r="Z48" s="811"/>
      <c r="AA48" s="815"/>
      <c r="AB48" s="811"/>
      <c r="AC48" s="814"/>
      <c r="AD48" s="813"/>
      <c r="AE48" s="812">
        <v>1137437</v>
      </c>
      <c r="AF48" s="811">
        <v>0</v>
      </c>
      <c r="AG48" s="811">
        <v>371371</v>
      </c>
      <c r="AH48" s="811">
        <v>0</v>
      </c>
      <c r="AI48" s="811">
        <v>0</v>
      </c>
      <c r="AJ48" s="811">
        <v>0</v>
      </c>
      <c r="AK48" s="810">
        <v>766066</v>
      </c>
    </row>
    <row r="49" spans="1:45" ht="13.5" customHeight="1" thickTop="1" x14ac:dyDescent="0.2">
      <c r="A49" s="1696" t="s">
        <v>618</v>
      </c>
      <c r="B49" s="1716"/>
      <c r="C49" s="808">
        <v>9</v>
      </c>
      <c r="D49" s="797">
        <v>11</v>
      </c>
      <c r="E49" s="807"/>
      <c r="F49" s="806"/>
      <c r="G49" s="794"/>
      <c r="H49" s="792">
        <v>21</v>
      </c>
      <c r="I49" s="805">
        <v>0</v>
      </c>
      <c r="J49" s="792">
        <v>0</v>
      </c>
      <c r="K49" s="791">
        <v>10</v>
      </c>
      <c r="L49" s="773"/>
      <c r="M49" s="804"/>
      <c r="N49" s="803"/>
      <c r="O49" s="803"/>
      <c r="P49" s="803"/>
      <c r="Q49" s="803"/>
      <c r="R49" s="800">
        <v>619575241</v>
      </c>
      <c r="S49" s="799">
        <v>0</v>
      </c>
      <c r="T49" s="1696" t="s">
        <v>618</v>
      </c>
      <c r="U49" s="1716"/>
      <c r="V49" s="800">
        <v>13844968</v>
      </c>
      <c r="W49" s="786">
        <v>62.92</v>
      </c>
      <c r="X49" s="800">
        <v>0</v>
      </c>
      <c r="Y49" s="786">
        <v>0</v>
      </c>
      <c r="Z49" s="800">
        <v>6844407</v>
      </c>
      <c r="AA49" s="785">
        <v>31.11</v>
      </c>
      <c r="AB49" s="800">
        <v>1313738</v>
      </c>
      <c r="AC49" s="802">
        <v>5.97</v>
      </c>
      <c r="AD49" s="763"/>
      <c r="AE49" s="801">
        <v>22003113</v>
      </c>
      <c r="AF49" s="800">
        <v>1890418</v>
      </c>
      <c r="AG49" s="800">
        <v>170620</v>
      </c>
      <c r="AH49" s="800">
        <v>594373</v>
      </c>
      <c r="AI49" s="800">
        <v>3013835</v>
      </c>
      <c r="AJ49" s="800">
        <v>-283376</v>
      </c>
      <c r="AK49" s="799">
        <v>16050491</v>
      </c>
    </row>
    <row r="50" spans="1:45" ht="13.5" customHeight="1" x14ac:dyDescent="0.2">
      <c r="A50" s="1681" t="s">
        <v>616</v>
      </c>
      <c r="B50" s="1718"/>
      <c r="C50" s="798">
        <v>5</v>
      </c>
      <c r="D50" s="797">
        <v>8</v>
      </c>
      <c r="E50" s="778" t="s">
        <v>617</v>
      </c>
      <c r="F50" s="795"/>
      <c r="G50" s="794"/>
      <c r="H50" s="792">
        <v>13</v>
      </c>
      <c r="I50" s="792">
        <v>0</v>
      </c>
      <c r="J50" s="792">
        <v>0</v>
      </c>
      <c r="K50" s="791">
        <v>12</v>
      </c>
      <c r="L50" s="773"/>
      <c r="M50" s="790"/>
      <c r="N50" s="789"/>
      <c r="O50" s="789"/>
      <c r="P50" s="789"/>
      <c r="Q50" s="789"/>
      <c r="R50" s="782">
        <v>20965761</v>
      </c>
      <c r="S50" s="788">
        <v>70177</v>
      </c>
      <c r="T50" s="1681" t="s">
        <v>616</v>
      </c>
      <c r="U50" s="1718"/>
      <c r="V50" s="782">
        <v>431464</v>
      </c>
      <c r="W50" s="786">
        <v>56.47</v>
      </c>
      <c r="X50" s="782">
        <v>2332</v>
      </c>
      <c r="Y50" s="786">
        <v>0.31</v>
      </c>
      <c r="Z50" s="782">
        <v>232227</v>
      </c>
      <c r="AA50" s="785">
        <v>30.4</v>
      </c>
      <c r="AB50" s="782">
        <v>97924</v>
      </c>
      <c r="AC50" s="784">
        <v>12.82</v>
      </c>
      <c r="AD50" s="763"/>
      <c r="AE50" s="783">
        <v>763945</v>
      </c>
      <c r="AF50" s="782">
        <v>76863</v>
      </c>
      <c r="AG50" s="782">
        <v>11245</v>
      </c>
      <c r="AH50" s="782">
        <v>6882</v>
      </c>
      <c r="AI50" s="782">
        <v>56985</v>
      </c>
      <c r="AJ50" s="782">
        <v>-47038</v>
      </c>
      <c r="AK50" s="788">
        <v>564932</v>
      </c>
    </row>
    <row r="51" spans="1:45" ht="13.5" customHeight="1" x14ac:dyDescent="0.2">
      <c r="A51" s="1681" t="s">
        <v>614</v>
      </c>
      <c r="B51" s="1718"/>
      <c r="C51" s="789">
        <v>14</v>
      </c>
      <c r="D51" s="796">
        <v>19</v>
      </c>
      <c r="E51" s="778" t="s">
        <v>615</v>
      </c>
      <c r="F51" s="795"/>
      <c r="G51" s="794"/>
      <c r="H51" s="792">
        <v>34</v>
      </c>
      <c r="I51" s="793">
        <v>0</v>
      </c>
      <c r="J51" s="792">
        <v>0</v>
      </c>
      <c r="K51" s="791">
        <v>22</v>
      </c>
      <c r="L51" s="773"/>
      <c r="M51" s="790"/>
      <c r="N51" s="789"/>
      <c r="O51" s="789"/>
      <c r="P51" s="789"/>
      <c r="Q51" s="789"/>
      <c r="R51" s="782">
        <v>640541002</v>
      </c>
      <c r="S51" s="788">
        <v>70177</v>
      </c>
      <c r="T51" s="1681" t="s">
        <v>614</v>
      </c>
      <c r="U51" s="1718"/>
      <c r="V51" s="787">
        <v>14276432</v>
      </c>
      <c r="W51" s="786">
        <v>62.71</v>
      </c>
      <c r="X51" s="787">
        <v>2332</v>
      </c>
      <c r="Y51" s="786">
        <v>0.01</v>
      </c>
      <c r="Z51" s="782">
        <v>7076634</v>
      </c>
      <c r="AA51" s="785">
        <v>31.08</v>
      </c>
      <c r="AB51" s="782">
        <v>1411662</v>
      </c>
      <c r="AC51" s="784">
        <v>6.2</v>
      </c>
      <c r="AD51" s="763"/>
      <c r="AE51" s="783">
        <v>22767058</v>
      </c>
      <c r="AF51" s="782">
        <v>1967281</v>
      </c>
      <c r="AG51" s="782">
        <v>181865</v>
      </c>
      <c r="AH51" s="782">
        <v>601255</v>
      </c>
      <c r="AI51" s="782">
        <v>3070820</v>
      </c>
      <c r="AJ51" s="782">
        <v>-330414</v>
      </c>
      <c r="AK51" s="781">
        <v>16615423</v>
      </c>
    </row>
    <row r="52" spans="1:45" ht="13.5" customHeight="1" thickBot="1" x14ac:dyDescent="0.25">
      <c r="A52" s="1683" t="s">
        <v>612</v>
      </c>
      <c r="B52" s="1719"/>
      <c r="C52" s="780">
        <v>6</v>
      </c>
      <c r="D52" s="779">
        <v>0</v>
      </c>
      <c r="E52" s="778" t="s">
        <v>613</v>
      </c>
      <c r="F52" s="777"/>
      <c r="G52" s="776"/>
      <c r="H52" s="775" t="s">
        <v>39</v>
      </c>
      <c r="I52" s="775" t="s">
        <v>39</v>
      </c>
      <c r="J52" s="775" t="s">
        <v>39</v>
      </c>
      <c r="K52" s="774" t="s">
        <v>39</v>
      </c>
      <c r="L52" s="773"/>
      <c r="M52" s="772"/>
      <c r="N52" s="770"/>
      <c r="O52" s="771"/>
      <c r="P52" s="770"/>
      <c r="Q52" s="770"/>
      <c r="R52" s="760" t="s">
        <v>39</v>
      </c>
      <c r="S52" s="769" t="s">
        <v>39</v>
      </c>
      <c r="T52" s="1683" t="s">
        <v>612</v>
      </c>
      <c r="U52" s="1719"/>
      <c r="V52" s="768" t="s">
        <v>39</v>
      </c>
      <c r="W52" s="767" t="s">
        <v>39</v>
      </c>
      <c r="X52" s="768" t="s">
        <v>39</v>
      </c>
      <c r="Y52" s="767" t="s">
        <v>39</v>
      </c>
      <c r="Z52" s="765" t="s">
        <v>39</v>
      </c>
      <c r="AA52" s="766" t="s">
        <v>39</v>
      </c>
      <c r="AB52" s="765" t="s">
        <v>39</v>
      </c>
      <c r="AC52" s="764" t="s">
        <v>39</v>
      </c>
      <c r="AD52" s="763"/>
      <c r="AE52" s="762">
        <v>2417452</v>
      </c>
      <c r="AF52" s="760" t="s">
        <v>39</v>
      </c>
      <c r="AG52" s="761">
        <v>371475</v>
      </c>
      <c r="AH52" s="760" t="s">
        <v>39</v>
      </c>
      <c r="AI52" s="760" t="s">
        <v>39</v>
      </c>
      <c r="AJ52" s="760" t="s">
        <v>39</v>
      </c>
      <c r="AK52" s="759">
        <v>2045977</v>
      </c>
    </row>
    <row r="53" spans="1:45" ht="13.5" customHeight="1" thickTop="1" thickBot="1" x14ac:dyDescent="0.25">
      <c r="A53" s="1664" t="s">
        <v>611</v>
      </c>
      <c r="B53" s="1717"/>
      <c r="C53" s="749">
        <v>20</v>
      </c>
      <c r="D53" s="758">
        <v>19</v>
      </c>
      <c r="E53" s="757"/>
      <c r="F53" s="756"/>
      <c r="G53" s="755"/>
      <c r="H53" s="753">
        <v>33</v>
      </c>
      <c r="I53" s="754">
        <v>0</v>
      </c>
      <c r="J53" s="753">
        <v>0</v>
      </c>
      <c r="K53" s="752">
        <v>22</v>
      </c>
      <c r="L53" s="751"/>
      <c r="M53" s="750"/>
      <c r="N53" s="749"/>
      <c r="O53" s="749"/>
      <c r="P53" s="749"/>
      <c r="Q53" s="749"/>
      <c r="R53" s="742">
        <v>640541002</v>
      </c>
      <c r="S53" s="741">
        <v>70177</v>
      </c>
      <c r="T53" s="1664" t="s">
        <v>611</v>
      </c>
      <c r="U53" s="1717"/>
      <c r="V53" s="748">
        <v>14276432</v>
      </c>
      <c r="W53" s="747">
        <v>62.71</v>
      </c>
      <c r="X53" s="748">
        <v>2332</v>
      </c>
      <c r="Y53" s="747">
        <v>0.01</v>
      </c>
      <c r="Z53" s="742">
        <v>7076634</v>
      </c>
      <c r="AA53" s="746">
        <v>31.08</v>
      </c>
      <c r="AB53" s="742">
        <v>1411662</v>
      </c>
      <c r="AC53" s="745">
        <v>6.2</v>
      </c>
      <c r="AD53" s="744"/>
      <c r="AE53" s="743">
        <v>25184510</v>
      </c>
      <c r="AF53" s="742">
        <v>1967281</v>
      </c>
      <c r="AG53" s="742">
        <v>553340</v>
      </c>
      <c r="AH53" s="742">
        <v>601255</v>
      </c>
      <c r="AI53" s="742">
        <v>3070820</v>
      </c>
      <c r="AJ53" s="742">
        <v>-330414</v>
      </c>
      <c r="AK53" s="741">
        <v>18661400</v>
      </c>
    </row>
    <row r="54" spans="1:45" s="763" customFormat="1" x14ac:dyDescent="0.15">
      <c r="D54" s="993"/>
      <c r="E54" s="995"/>
      <c r="F54" s="994"/>
      <c r="G54" s="994"/>
      <c r="H54" s="993"/>
      <c r="O54" s="1265"/>
      <c r="P54" s="1265"/>
    </row>
    <row r="56" spans="1:45" x14ac:dyDescent="0.15">
      <c r="A56" s="1255"/>
      <c r="G56" s="1261"/>
      <c r="V56" s="1255"/>
    </row>
    <row r="57" spans="1:45" ht="14.4" x14ac:dyDescent="0.2">
      <c r="A57" s="1257"/>
      <c r="C57" s="1258"/>
      <c r="D57" s="1258"/>
      <c r="E57" s="1258"/>
      <c r="F57" s="1258"/>
      <c r="G57" s="1258"/>
      <c r="H57" s="1258"/>
      <c r="I57" s="1258"/>
      <c r="J57" s="1258"/>
      <c r="K57" s="1258"/>
      <c r="L57" s="1258"/>
      <c r="M57" s="1258"/>
      <c r="N57" s="1258"/>
      <c r="O57" s="1258"/>
      <c r="P57" s="1258"/>
      <c r="AC57" s="1257"/>
      <c r="AI57" s="763"/>
      <c r="AJ57" s="1259"/>
      <c r="AK57" s="763"/>
      <c r="AL57" s="1088"/>
      <c r="AN57" s="1260"/>
      <c r="AR57" s="1092"/>
      <c r="AS57" s="1092"/>
    </row>
  </sheetData>
  <mergeCells count="32">
    <mergeCell ref="T53:U53"/>
    <mergeCell ref="AK1:AK2"/>
    <mergeCell ref="T49:U49"/>
    <mergeCell ref="T50:U50"/>
    <mergeCell ref="T51:U51"/>
    <mergeCell ref="T52:U52"/>
    <mergeCell ref="AF3:AF4"/>
    <mergeCell ref="AJ3:AJ4"/>
    <mergeCell ref="AB4:AC4"/>
    <mergeCell ref="AE3:AE4"/>
    <mergeCell ref="R3:S3"/>
    <mergeCell ref="Z4:AA4"/>
    <mergeCell ref="V4:W4"/>
    <mergeCell ref="X4:Y4"/>
    <mergeCell ref="T3:U5"/>
    <mergeCell ref="V3:AC3"/>
    <mergeCell ref="A3:B5"/>
    <mergeCell ref="H3:J3"/>
    <mergeCell ref="M3:P3"/>
    <mergeCell ref="A53:B53"/>
    <mergeCell ref="A49:B49"/>
    <mergeCell ref="A50:B50"/>
    <mergeCell ref="A51:B51"/>
    <mergeCell ref="A52:B52"/>
    <mergeCell ref="C3:D3"/>
    <mergeCell ref="C4:C5"/>
    <mergeCell ref="D4:D5"/>
    <mergeCell ref="J4:J5"/>
    <mergeCell ref="E3:E5"/>
    <mergeCell ref="F3:G3"/>
    <mergeCell ref="F4:F5"/>
    <mergeCell ref="G4:G5"/>
  </mergeCells>
  <phoneticPr fontId="6"/>
  <printOptions verticalCentered="1" gridLinesSet="0"/>
  <pageMargins left="0.78740157480314965" right="0" top="0.59055118110236227" bottom="0.59055118110236227" header="0.19685039370078741" footer="0.35433070866141736"/>
  <pageSetup paperSize="9" scale="80" orientation="landscape" blackAndWhite="1" r:id="rId1"/>
  <headerFooter alignWithMargins="0"/>
  <colBreaks count="1" manualBreakCount="1">
    <brk id="19" max="52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C6" transitionEvaluation="1" transitionEntry="1" codeName="Sheet53"/>
  <dimension ref="A1:AD328"/>
  <sheetViews>
    <sheetView zoomScaleNormal="100" zoomScaleSheetLayoutView="120" workbookViewId="0">
      <pane xSplit="2" ySplit="5" topLeftCell="C6" activePane="bottomRight" state="frozen"/>
      <selection activeCell="D25" sqref="C1:D1048576"/>
      <selection pane="topRight" activeCell="D25" sqref="C1:D1048576"/>
      <selection pane="bottomLeft" activeCell="D25" sqref="C1:D1048576"/>
      <selection pane="bottomRight"/>
    </sheetView>
  </sheetViews>
  <sheetFormatPr defaultColWidth="9.6640625" defaultRowHeight="9.6" x14ac:dyDescent="0.15"/>
  <cols>
    <col min="1" max="1" width="3.6640625" style="308" customWidth="1"/>
    <col min="2" max="2" width="10" style="308" customWidth="1"/>
    <col min="3" max="3" width="13.88671875" style="308" customWidth="1"/>
    <col min="4" max="4" width="8.109375" style="308" customWidth="1"/>
    <col min="5" max="6" width="11.109375" style="308" customWidth="1"/>
    <col min="7" max="7" width="6.6640625" style="308" customWidth="1"/>
    <col min="8" max="8" width="11.109375" style="308" customWidth="1"/>
    <col min="9" max="9" width="11.88671875" style="308" customWidth="1"/>
    <col min="10" max="11" width="6.6640625" style="308" customWidth="1"/>
    <col min="12" max="13" width="7.44140625" style="308" customWidth="1"/>
    <col min="14" max="14" width="11.88671875" style="308" customWidth="1"/>
    <col min="15" max="15" width="7.6640625" style="308" customWidth="1"/>
    <col min="16" max="16" width="3.88671875" style="308" customWidth="1"/>
    <col min="17" max="17" width="1.44140625" style="308" customWidth="1"/>
    <col min="18" max="18" width="13.33203125" style="308" customWidth="1"/>
    <col min="19" max="20" width="9.6640625" style="308"/>
    <col min="21" max="21" width="16.33203125" style="308" customWidth="1"/>
    <col min="22" max="16384" width="9.6640625" style="308"/>
  </cols>
  <sheetData>
    <row r="1" spans="1:19" ht="14.1" customHeight="1" x14ac:dyDescent="0.2">
      <c r="A1" s="1267" t="s">
        <v>560</v>
      </c>
      <c r="B1" s="310"/>
      <c r="D1" s="1268"/>
      <c r="E1" s="1268"/>
      <c r="F1" s="1269"/>
      <c r="G1" s="1268"/>
      <c r="H1" s="1269"/>
      <c r="I1" s="1269"/>
      <c r="J1" s="310"/>
      <c r="K1" s="310"/>
      <c r="L1" s="310"/>
      <c r="M1" s="310"/>
      <c r="N1" s="1270"/>
      <c r="O1" s="310"/>
      <c r="P1" s="310"/>
      <c r="Q1" s="310"/>
      <c r="R1" s="310"/>
    </row>
    <row r="2" spans="1:19" ht="11.1" customHeight="1" thickBot="1" x14ac:dyDescent="0.2">
      <c r="A2" s="310"/>
      <c r="B2" s="310"/>
      <c r="C2" s="1269"/>
      <c r="D2" s="310"/>
      <c r="E2" s="1269"/>
      <c r="F2" s="310"/>
      <c r="G2" s="310"/>
      <c r="H2" s="310"/>
      <c r="I2" s="310"/>
      <c r="J2" s="310"/>
      <c r="L2" s="310"/>
      <c r="M2" s="1271"/>
      <c r="O2" s="1272" t="s">
        <v>340</v>
      </c>
      <c r="P2" s="310"/>
      <c r="Q2" s="310"/>
      <c r="R2" s="310"/>
      <c r="S2" s="310"/>
    </row>
    <row r="3" spans="1:19" s="1278" customFormat="1" ht="12" customHeight="1" x14ac:dyDescent="0.15">
      <c r="A3" s="1734" t="s">
        <v>0</v>
      </c>
      <c r="B3" s="1735"/>
      <c r="C3" s="1727" t="s">
        <v>353</v>
      </c>
      <c r="D3" s="1731"/>
      <c r="E3" s="1740" t="s">
        <v>254</v>
      </c>
      <c r="F3" s="1741"/>
      <c r="G3" s="1741"/>
      <c r="H3" s="1742"/>
      <c r="I3" s="1727" t="s">
        <v>354</v>
      </c>
      <c r="J3" s="1731"/>
      <c r="K3" s="1727" t="s">
        <v>355</v>
      </c>
      <c r="L3" s="1743"/>
      <c r="M3" s="1273" t="s">
        <v>55</v>
      </c>
      <c r="N3" s="1727" t="s">
        <v>156</v>
      </c>
      <c r="O3" s="1728"/>
      <c r="P3" s="1274" t="s">
        <v>73</v>
      </c>
      <c r="Q3" s="1275"/>
      <c r="R3" s="1276"/>
      <c r="S3" s="1277"/>
    </row>
    <row r="4" spans="1:19" ht="11.1" customHeight="1" x14ac:dyDescent="0.15">
      <c r="A4" s="1736"/>
      <c r="B4" s="1737"/>
      <c r="C4" s="1279" t="s">
        <v>74</v>
      </c>
      <c r="D4" s="59" t="s">
        <v>75</v>
      </c>
      <c r="E4" s="59" t="s">
        <v>74</v>
      </c>
      <c r="F4" s="59" t="s">
        <v>76</v>
      </c>
      <c r="G4" s="59" t="s">
        <v>77</v>
      </c>
      <c r="H4" s="253" t="s">
        <v>78</v>
      </c>
      <c r="I4" s="59" t="s">
        <v>74</v>
      </c>
      <c r="J4" s="253" t="s">
        <v>79</v>
      </c>
      <c r="K4" s="59" t="s">
        <v>80</v>
      </c>
      <c r="L4" s="59" t="s">
        <v>81</v>
      </c>
      <c r="M4" s="59" t="s">
        <v>82</v>
      </c>
      <c r="N4" s="59" t="s">
        <v>83</v>
      </c>
      <c r="O4" s="1280" t="s">
        <v>84</v>
      </c>
      <c r="P4" s="1274" t="s">
        <v>73</v>
      </c>
      <c r="Q4" s="310"/>
      <c r="R4" s="1276"/>
      <c r="S4" s="1277"/>
    </row>
    <row r="5" spans="1:19" ht="11.1" customHeight="1" thickBot="1" x14ac:dyDescent="0.2">
      <c r="A5" s="1738"/>
      <c r="B5" s="1739"/>
      <c r="C5" s="1281" t="s">
        <v>85</v>
      </c>
      <c r="D5" s="60" t="s">
        <v>86</v>
      </c>
      <c r="E5" s="60" t="s">
        <v>87</v>
      </c>
      <c r="F5" s="60" t="s">
        <v>88</v>
      </c>
      <c r="G5" s="60" t="s">
        <v>89</v>
      </c>
      <c r="H5" s="254" t="s">
        <v>90</v>
      </c>
      <c r="I5" s="60" t="s">
        <v>91</v>
      </c>
      <c r="J5" s="254" t="s">
        <v>356</v>
      </c>
      <c r="K5" s="60" t="s">
        <v>92</v>
      </c>
      <c r="L5" s="60" t="s">
        <v>93</v>
      </c>
      <c r="M5" s="60" t="s">
        <v>94</v>
      </c>
      <c r="N5" s="255" t="s">
        <v>95</v>
      </c>
      <c r="O5" s="1282" t="s">
        <v>96</v>
      </c>
      <c r="P5" s="310"/>
      <c r="Q5" s="310"/>
      <c r="R5" s="1277"/>
      <c r="S5" s="1277"/>
    </row>
    <row r="6" spans="1:19" ht="12.6" customHeight="1" thickTop="1" x14ac:dyDescent="0.15">
      <c r="A6" s="44">
        <v>1</v>
      </c>
      <c r="B6" s="63" t="s">
        <v>360</v>
      </c>
      <c r="C6" s="1283">
        <v>4932270357</v>
      </c>
      <c r="D6" s="1284">
        <v>7212</v>
      </c>
      <c r="E6" s="1285" t="s">
        <v>39</v>
      </c>
      <c r="F6" s="1285" t="s">
        <v>321</v>
      </c>
      <c r="G6" s="1285" t="s">
        <v>39</v>
      </c>
      <c r="H6" s="1286" t="s">
        <v>39</v>
      </c>
      <c r="I6" s="1287" t="s">
        <v>384</v>
      </c>
      <c r="J6" s="1288">
        <v>0</v>
      </c>
      <c r="K6" s="1289" t="s">
        <v>39</v>
      </c>
      <c r="L6" s="1290">
        <v>0</v>
      </c>
      <c r="M6" s="1289" t="s">
        <v>39</v>
      </c>
      <c r="N6" s="1291" t="s">
        <v>321</v>
      </c>
      <c r="O6" s="1292" t="s">
        <v>321</v>
      </c>
      <c r="P6" s="1269" t="s">
        <v>73</v>
      </c>
      <c r="Q6" s="1293"/>
      <c r="R6" s="1293"/>
      <c r="S6" s="1293"/>
    </row>
    <row r="7" spans="1:19" ht="12.6" customHeight="1" x14ac:dyDescent="0.15">
      <c r="A7" s="44">
        <v>2</v>
      </c>
      <c r="B7" s="64" t="s">
        <v>2</v>
      </c>
      <c r="C7" s="1283">
        <v>2895067614</v>
      </c>
      <c r="D7" s="1284">
        <v>11210</v>
      </c>
      <c r="E7" s="1285" t="s">
        <v>39</v>
      </c>
      <c r="F7" s="1285" t="s">
        <v>321</v>
      </c>
      <c r="G7" s="1285" t="s">
        <v>39</v>
      </c>
      <c r="H7" s="1286" t="s">
        <v>39</v>
      </c>
      <c r="I7" s="1287" t="s">
        <v>384</v>
      </c>
      <c r="J7" s="1288">
        <v>0</v>
      </c>
      <c r="K7" s="1289" t="s">
        <v>39</v>
      </c>
      <c r="L7" s="1290">
        <v>0</v>
      </c>
      <c r="M7" s="1289" t="s">
        <v>39</v>
      </c>
      <c r="N7" s="1285" t="s">
        <v>321</v>
      </c>
      <c r="O7" s="1292" t="s">
        <v>321</v>
      </c>
      <c r="P7" s="1269" t="s">
        <v>73</v>
      </c>
      <c r="Q7" s="1293"/>
      <c r="R7" s="1293"/>
      <c r="S7" s="1293"/>
    </row>
    <row r="8" spans="1:19" ht="12.6" customHeight="1" x14ac:dyDescent="0.15">
      <c r="A8" s="44">
        <v>3</v>
      </c>
      <c r="B8" s="64" t="s">
        <v>3</v>
      </c>
      <c r="C8" s="1283">
        <v>708187715</v>
      </c>
      <c r="D8" s="1284">
        <v>7903</v>
      </c>
      <c r="E8" s="1285" t="s">
        <v>39</v>
      </c>
      <c r="F8" s="1285" t="s">
        <v>321</v>
      </c>
      <c r="G8" s="1285" t="s">
        <v>39</v>
      </c>
      <c r="H8" s="1286" t="s">
        <v>39</v>
      </c>
      <c r="I8" s="1287" t="s">
        <v>384</v>
      </c>
      <c r="J8" s="1288">
        <v>0</v>
      </c>
      <c r="K8" s="1289" t="s">
        <v>39</v>
      </c>
      <c r="L8" s="1290">
        <v>0</v>
      </c>
      <c r="M8" s="1289" t="s">
        <v>39</v>
      </c>
      <c r="N8" s="1285" t="s">
        <v>321</v>
      </c>
      <c r="O8" s="1292" t="s">
        <v>321</v>
      </c>
      <c r="P8" s="1269" t="s">
        <v>73</v>
      </c>
      <c r="Q8" s="310"/>
      <c r="R8" s="1293"/>
      <c r="S8" s="1293"/>
    </row>
    <row r="9" spans="1:19" ht="12.6" customHeight="1" x14ac:dyDescent="0.15">
      <c r="A9" s="44">
        <v>4</v>
      </c>
      <c r="B9" s="64" t="s">
        <v>4</v>
      </c>
      <c r="C9" s="1283">
        <v>431384689</v>
      </c>
      <c r="D9" s="1284">
        <v>7680</v>
      </c>
      <c r="E9" s="1285" t="s">
        <v>39</v>
      </c>
      <c r="F9" s="1285" t="s">
        <v>321</v>
      </c>
      <c r="G9" s="1285" t="s">
        <v>39</v>
      </c>
      <c r="H9" s="1286" t="s">
        <v>39</v>
      </c>
      <c r="I9" s="1287" t="s">
        <v>384</v>
      </c>
      <c r="J9" s="1288">
        <v>0</v>
      </c>
      <c r="K9" s="1289" t="s">
        <v>39</v>
      </c>
      <c r="L9" s="1290">
        <v>0</v>
      </c>
      <c r="M9" s="1289" t="s">
        <v>39</v>
      </c>
      <c r="N9" s="1285" t="s">
        <v>321</v>
      </c>
      <c r="O9" s="1292" t="s">
        <v>321</v>
      </c>
      <c r="P9" s="1269" t="s">
        <v>73</v>
      </c>
      <c r="Q9" s="310"/>
      <c r="R9" s="1293"/>
      <c r="S9" s="1293"/>
    </row>
    <row r="10" spans="1:19" ht="12.6" customHeight="1" x14ac:dyDescent="0.15">
      <c r="A10" s="44">
        <v>5</v>
      </c>
      <c r="B10" s="64" t="s">
        <v>5</v>
      </c>
      <c r="C10" s="1283">
        <v>235606046</v>
      </c>
      <c r="D10" s="1284">
        <v>6480</v>
      </c>
      <c r="E10" s="1285" t="s">
        <v>39</v>
      </c>
      <c r="F10" s="1285" t="s">
        <v>321</v>
      </c>
      <c r="G10" s="1285" t="s">
        <v>39</v>
      </c>
      <c r="H10" s="1286" t="s">
        <v>39</v>
      </c>
      <c r="I10" s="1287" t="s">
        <v>384</v>
      </c>
      <c r="J10" s="1288">
        <v>0</v>
      </c>
      <c r="K10" s="1289" t="s">
        <v>39</v>
      </c>
      <c r="L10" s="1290">
        <v>0</v>
      </c>
      <c r="M10" s="1289" t="s">
        <v>39</v>
      </c>
      <c r="N10" s="1285" t="s">
        <v>321</v>
      </c>
      <c r="O10" s="1292" t="s">
        <v>321</v>
      </c>
      <c r="P10" s="1269" t="s">
        <v>73</v>
      </c>
      <c r="Q10" s="310"/>
      <c r="R10" s="1293"/>
      <c r="S10" s="1293"/>
    </row>
    <row r="11" spans="1:19" ht="12.6" customHeight="1" x14ac:dyDescent="0.15">
      <c r="A11" s="44">
        <v>6</v>
      </c>
      <c r="B11" s="64" t="s">
        <v>6</v>
      </c>
      <c r="C11" s="1283">
        <v>424636290</v>
      </c>
      <c r="D11" s="1284">
        <v>5036</v>
      </c>
      <c r="E11" s="1285" t="s">
        <v>39</v>
      </c>
      <c r="F11" s="1285" t="s">
        <v>321</v>
      </c>
      <c r="G11" s="1285" t="s">
        <v>39</v>
      </c>
      <c r="H11" s="1286" t="s">
        <v>39</v>
      </c>
      <c r="I11" s="1287" t="s">
        <v>384</v>
      </c>
      <c r="J11" s="1288">
        <v>0</v>
      </c>
      <c r="K11" s="1289" t="s">
        <v>39</v>
      </c>
      <c r="L11" s="1290">
        <v>0</v>
      </c>
      <c r="M11" s="1289" t="s">
        <v>39</v>
      </c>
      <c r="N11" s="1285" t="s">
        <v>347</v>
      </c>
      <c r="O11" s="1292" t="s">
        <v>347</v>
      </c>
      <c r="P11" s="1269" t="s">
        <v>73</v>
      </c>
      <c r="Q11" s="310"/>
      <c r="R11" s="1293"/>
      <c r="S11" s="1293"/>
    </row>
    <row r="12" spans="1:19" ht="12.6" customHeight="1" x14ac:dyDescent="0.15">
      <c r="A12" s="44">
        <v>7</v>
      </c>
      <c r="B12" s="64" t="s">
        <v>7</v>
      </c>
      <c r="C12" s="1283">
        <v>303893099</v>
      </c>
      <c r="D12" s="1284">
        <v>7494</v>
      </c>
      <c r="E12" s="1285" t="s">
        <v>39</v>
      </c>
      <c r="F12" s="1285" t="s">
        <v>347</v>
      </c>
      <c r="G12" s="1285" t="s">
        <v>39</v>
      </c>
      <c r="H12" s="1286" t="s">
        <v>39</v>
      </c>
      <c r="I12" s="1287" t="s">
        <v>384</v>
      </c>
      <c r="J12" s="1288">
        <v>0</v>
      </c>
      <c r="K12" s="1289" t="s">
        <v>39</v>
      </c>
      <c r="L12" s="1290">
        <v>0</v>
      </c>
      <c r="M12" s="1289" t="s">
        <v>39</v>
      </c>
      <c r="N12" s="1285" t="s">
        <v>347</v>
      </c>
      <c r="O12" s="1292" t="s">
        <v>347</v>
      </c>
      <c r="P12" s="1269" t="s">
        <v>73</v>
      </c>
      <c r="Q12" s="310"/>
      <c r="R12" s="1293"/>
      <c r="S12" s="1293"/>
    </row>
    <row r="13" spans="1:19" ht="12.6" customHeight="1" x14ac:dyDescent="0.15">
      <c r="A13" s="44">
        <v>8</v>
      </c>
      <c r="B13" s="64" t="s">
        <v>8</v>
      </c>
      <c r="C13" s="1283">
        <v>325775773</v>
      </c>
      <c r="D13" s="1284">
        <v>6575</v>
      </c>
      <c r="E13" s="1285" t="s">
        <v>39</v>
      </c>
      <c r="F13" s="1285" t="s">
        <v>347</v>
      </c>
      <c r="G13" s="1285" t="s">
        <v>39</v>
      </c>
      <c r="H13" s="1286" t="s">
        <v>39</v>
      </c>
      <c r="I13" s="1287" t="s">
        <v>384</v>
      </c>
      <c r="J13" s="1288">
        <v>0</v>
      </c>
      <c r="K13" s="1289" t="s">
        <v>39</v>
      </c>
      <c r="L13" s="1290">
        <v>0</v>
      </c>
      <c r="M13" s="1289" t="s">
        <v>39</v>
      </c>
      <c r="N13" s="1285" t="s">
        <v>347</v>
      </c>
      <c r="O13" s="1292" t="s">
        <v>347</v>
      </c>
      <c r="P13" s="1269" t="s">
        <v>73</v>
      </c>
      <c r="Q13" s="310"/>
      <c r="R13" s="1293"/>
      <c r="S13" s="1293"/>
    </row>
    <row r="14" spans="1:19" ht="12.6" customHeight="1" x14ac:dyDescent="0.15">
      <c r="A14" s="44">
        <v>9</v>
      </c>
      <c r="B14" s="64" t="s">
        <v>9</v>
      </c>
      <c r="C14" s="1283">
        <v>94598992</v>
      </c>
      <c r="D14" s="1284">
        <v>7379</v>
      </c>
      <c r="E14" s="1285" t="s">
        <v>39</v>
      </c>
      <c r="F14" s="1285" t="s">
        <v>347</v>
      </c>
      <c r="G14" s="1285" t="s">
        <v>39</v>
      </c>
      <c r="H14" s="1286" t="s">
        <v>39</v>
      </c>
      <c r="I14" s="1287" t="s">
        <v>384</v>
      </c>
      <c r="J14" s="1288">
        <v>0</v>
      </c>
      <c r="K14" s="1289" t="s">
        <v>39</v>
      </c>
      <c r="L14" s="1290">
        <v>0</v>
      </c>
      <c r="M14" s="1289" t="s">
        <v>39</v>
      </c>
      <c r="N14" s="1285" t="s">
        <v>347</v>
      </c>
      <c r="O14" s="1292" t="s">
        <v>347</v>
      </c>
      <c r="P14" s="1269" t="s">
        <v>73</v>
      </c>
      <c r="Q14" s="310"/>
      <c r="R14" s="1293"/>
      <c r="S14" s="1293"/>
    </row>
    <row r="15" spans="1:19" ht="12.6" customHeight="1" x14ac:dyDescent="0.15">
      <c r="A15" s="44">
        <v>10</v>
      </c>
      <c r="B15" s="64" t="s">
        <v>10</v>
      </c>
      <c r="C15" s="1283">
        <v>898455955</v>
      </c>
      <c r="D15" s="1284">
        <v>5863</v>
      </c>
      <c r="E15" s="1285" t="s">
        <v>39</v>
      </c>
      <c r="F15" s="1285" t="s">
        <v>347</v>
      </c>
      <c r="G15" s="1285" t="s">
        <v>39</v>
      </c>
      <c r="H15" s="1286" t="s">
        <v>39</v>
      </c>
      <c r="I15" s="1287" t="s">
        <v>384</v>
      </c>
      <c r="J15" s="1288">
        <v>0</v>
      </c>
      <c r="K15" s="1289" t="s">
        <v>39</v>
      </c>
      <c r="L15" s="1290">
        <v>0</v>
      </c>
      <c r="M15" s="1289" t="s">
        <v>39</v>
      </c>
      <c r="N15" s="1285" t="s">
        <v>347</v>
      </c>
      <c r="O15" s="1292" t="s">
        <v>347</v>
      </c>
      <c r="P15" s="1269" t="s">
        <v>73</v>
      </c>
      <c r="Q15" s="310"/>
      <c r="R15" s="1293"/>
      <c r="S15" s="1293"/>
    </row>
    <row r="16" spans="1:19" ht="12.6" customHeight="1" x14ac:dyDescent="0.15">
      <c r="A16" s="44">
        <v>11</v>
      </c>
      <c r="B16" s="64" t="s">
        <v>11</v>
      </c>
      <c r="C16" s="1283">
        <v>80818908</v>
      </c>
      <c r="D16" s="1284">
        <v>6409</v>
      </c>
      <c r="E16" s="1285" t="s">
        <v>39</v>
      </c>
      <c r="F16" s="1285" t="s">
        <v>347</v>
      </c>
      <c r="G16" s="1285" t="s">
        <v>39</v>
      </c>
      <c r="H16" s="1286" t="s">
        <v>39</v>
      </c>
      <c r="I16" s="1287" t="s">
        <v>384</v>
      </c>
      <c r="J16" s="1288">
        <v>0</v>
      </c>
      <c r="K16" s="1289" t="s">
        <v>39</v>
      </c>
      <c r="L16" s="1290">
        <v>0</v>
      </c>
      <c r="M16" s="1289" t="s">
        <v>39</v>
      </c>
      <c r="N16" s="1285" t="s">
        <v>347</v>
      </c>
      <c r="O16" s="1292" t="s">
        <v>347</v>
      </c>
      <c r="P16" s="1269" t="s">
        <v>73</v>
      </c>
      <c r="Q16" s="310"/>
      <c r="R16" s="1293"/>
      <c r="S16" s="1293"/>
    </row>
    <row r="17" spans="1:19" ht="12.6" customHeight="1" x14ac:dyDescent="0.15">
      <c r="A17" s="44">
        <v>12</v>
      </c>
      <c r="B17" s="64" t="s">
        <v>12</v>
      </c>
      <c r="C17" s="1283">
        <v>339143216</v>
      </c>
      <c r="D17" s="1284">
        <v>9013</v>
      </c>
      <c r="E17" s="1285" t="s">
        <v>39</v>
      </c>
      <c r="F17" s="1285" t="s">
        <v>347</v>
      </c>
      <c r="G17" s="1285" t="s">
        <v>39</v>
      </c>
      <c r="H17" s="1286" t="s">
        <v>39</v>
      </c>
      <c r="I17" s="1287" t="s">
        <v>384</v>
      </c>
      <c r="J17" s="1288">
        <v>0</v>
      </c>
      <c r="K17" s="1289" t="s">
        <v>39</v>
      </c>
      <c r="L17" s="1290">
        <v>0</v>
      </c>
      <c r="M17" s="1289" t="s">
        <v>39</v>
      </c>
      <c r="N17" s="1285" t="s">
        <v>347</v>
      </c>
      <c r="O17" s="1292" t="s">
        <v>347</v>
      </c>
      <c r="P17" s="1269" t="s">
        <v>73</v>
      </c>
      <c r="Q17" s="310"/>
      <c r="R17" s="1293"/>
      <c r="S17" s="1293"/>
    </row>
    <row r="18" spans="1:19" ht="12.6" customHeight="1" x14ac:dyDescent="0.15">
      <c r="A18" s="44">
        <v>13</v>
      </c>
      <c r="B18" s="64" t="s">
        <v>13</v>
      </c>
      <c r="C18" s="1283">
        <v>322002326</v>
      </c>
      <c r="D18" s="1284">
        <v>6607</v>
      </c>
      <c r="E18" s="1285" t="s">
        <v>39</v>
      </c>
      <c r="F18" s="1285" t="s">
        <v>347</v>
      </c>
      <c r="G18" s="1285" t="s">
        <v>39</v>
      </c>
      <c r="H18" s="1286" t="s">
        <v>39</v>
      </c>
      <c r="I18" s="1287" t="s">
        <v>384</v>
      </c>
      <c r="J18" s="1288">
        <v>0</v>
      </c>
      <c r="K18" s="1289" t="s">
        <v>39</v>
      </c>
      <c r="L18" s="1290">
        <v>0</v>
      </c>
      <c r="M18" s="1289" t="s">
        <v>39</v>
      </c>
      <c r="N18" s="1285" t="s">
        <v>347</v>
      </c>
      <c r="O18" s="1292" t="s">
        <v>347</v>
      </c>
      <c r="P18" s="1269" t="s">
        <v>73</v>
      </c>
      <c r="Q18" s="310"/>
      <c r="R18" s="1293"/>
      <c r="S18" s="1293"/>
    </row>
    <row r="19" spans="1:19" ht="12.6" customHeight="1" x14ac:dyDescent="0.15">
      <c r="A19" s="44">
        <v>14</v>
      </c>
      <c r="B19" s="64" t="s">
        <v>14</v>
      </c>
      <c r="C19" s="1283">
        <v>221498344</v>
      </c>
      <c r="D19" s="1284">
        <v>4462</v>
      </c>
      <c r="E19" s="1285" t="s">
        <v>39</v>
      </c>
      <c r="F19" s="1285" t="s">
        <v>347</v>
      </c>
      <c r="G19" s="1285" t="s">
        <v>39</v>
      </c>
      <c r="H19" s="1286" t="s">
        <v>39</v>
      </c>
      <c r="I19" s="1287" t="s">
        <v>384</v>
      </c>
      <c r="J19" s="1288">
        <v>0</v>
      </c>
      <c r="K19" s="1289" t="s">
        <v>39</v>
      </c>
      <c r="L19" s="1290">
        <v>0</v>
      </c>
      <c r="M19" s="1289" t="s">
        <v>39</v>
      </c>
      <c r="N19" s="1285" t="s">
        <v>347</v>
      </c>
      <c r="O19" s="1292" t="s">
        <v>347</v>
      </c>
      <c r="P19" s="1269" t="s">
        <v>73</v>
      </c>
      <c r="Q19" s="310"/>
      <c r="R19" s="1293"/>
      <c r="S19" s="1293"/>
    </row>
    <row r="20" spans="1:19" ht="12.6" customHeight="1" x14ac:dyDescent="0.15">
      <c r="A20" s="44">
        <v>15</v>
      </c>
      <c r="B20" s="64" t="s">
        <v>15</v>
      </c>
      <c r="C20" s="1283">
        <v>149853101</v>
      </c>
      <c r="D20" s="1284">
        <v>7394</v>
      </c>
      <c r="E20" s="1285" t="s">
        <v>39</v>
      </c>
      <c r="F20" s="1285" t="s">
        <v>347</v>
      </c>
      <c r="G20" s="1285" t="s">
        <v>39</v>
      </c>
      <c r="H20" s="1286" t="s">
        <v>39</v>
      </c>
      <c r="I20" s="1287" t="s">
        <v>384</v>
      </c>
      <c r="J20" s="1288">
        <v>0</v>
      </c>
      <c r="K20" s="1289" t="s">
        <v>39</v>
      </c>
      <c r="L20" s="1290">
        <v>0</v>
      </c>
      <c r="M20" s="1289" t="s">
        <v>39</v>
      </c>
      <c r="N20" s="1285" t="s">
        <v>347</v>
      </c>
      <c r="O20" s="1292" t="s">
        <v>347</v>
      </c>
      <c r="P20" s="1269" t="s">
        <v>73</v>
      </c>
      <c r="Q20" s="310"/>
      <c r="R20" s="1293"/>
      <c r="S20" s="1293"/>
    </row>
    <row r="21" spans="1:19" ht="12.6" customHeight="1" x14ac:dyDescent="0.15">
      <c r="A21" s="44">
        <v>16</v>
      </c>
      <c r="B21" s="64" t="s">
        <v>16</v>
      </c>
      <c r="C21" s="1283">
        <v>204040240</v>
      </c>
      <c r="D21" s="1284">
        <v>7513</v>
      </c>
      <c r="E21" s="1285" t="s">
        <v>39</v>
      </c>
      <c r="F21" s="1285" t="s">
        <v>347</v>
      </c>
      <c r="G21" s="1285" t="s">
        <v>39</v>
      </c>
      <c r="H21" s="1286" t="s">
        <v>39</v>
      </c>
      <c r="I21" s="1287" t="s">
        <v>384</v>
      </c>
      <c r="J21" s="1288">
        <v>0</v>
      </c>
      <c r="K21" s="1289" t="s">
        <v>39</v>
      </c>
      <c r="L21" s="1290">
        <v>0</v>
      </c>
      <c r="M21" s="1289" t="s">
        <v>39</v>
      </c>
      <c r="N21" s="1285" t="s">
        <v>347</v>
      </c>
      <c r="O21" s="1292" t="s">
        <v>347</v>
      </c>
      <c r="P21" s="1269" t="s">
        <v>73</v>
      </c>
      <c r="Q21" s="310"/>
      <c r="R21" s="1293"/>
      <c r="S21" s="1293"/>
    </row>
    <row r="22" spans="1:19" ht="12.6" customHeight="1" x14ac:dyDescent="0.15">
      <c r="A22" s="44">
        <v>17</v>
      </c>
      <c r="B22" s="64" t="s">
        <v>17</v>
      </c>
      <c r="C22" s="1283">
        <v>274586284</v>
      </c>
      <c r="D22" s="1284">
        <v>9753</v>
      </c>
      <c r="E22" s="1285" t="s">
        <v>39</v>
      </c>
      <c r="F22" s="1285" t="s">
        <v>347</v>
      </c>
      <c r="G22" s="1285" t="s">
        <v>39</v>
      </c>
      <c r="H22" s="1286" t="s">
        <v>39</v>
      </c>
      <c r="I22" s="1287" t="s">
        <v>384</v>
      </c>
      <c r="J22" s="1288">
        <v>0</v>
      </c>
      <c r="K22" s="1289" t="s">
        <v>39</v>
      </c>
      <c r="L22" s="1290">
        <v>0</v>
      </c>
      <c r="M22" s="1289" t="s">
        <v>39</v>
      </c>
      <c r="N22" s="1285" t="s">
        <v>347</v>
      </c>
      <c r="O22" s="1292" t="s">
        <v>347</v>
      </c>
      <c r="P22" s="1269" t="s">
        <v>73</v>
      </c>
      <c r="Q22" s="310"/>
      <c r="R22" s="1293"/>
      <c r="S22" s="1293"/>
    </row>
    <row r="23" spans="1:19" ht="12.6" customHeight="1" x14ac:dyDescent="0.15">
      <c r="A23" s="44">
        <v>18</v>
      </c>
      <c r="B23" s="64" t="s">
        <v>18</v>
      </c>
      <c r="C23" s="1283">
        <v>49415005</v>
      </c>
      <c r="D23" s="1284">
        <v>5664</v>
      </c>
      <c r="E23" s="1285" t="s">
        <v>39</v>
      </c>
      <c r="F23" s="1285" t="s">
        <v>347</v>
      </c>
      <c r="G23" s="1285" t="s">
        <v>39</v>
      </c>
      <c r="H23" s="1286" t="s">
        <v>39</v>
      </c>
      <c r="I23" s="1287" t="s">
        <v>384</v>
      </c>
      <c r="J23" s="1288">
        <v>0</v>
      </c>
      <c r="K23" s="1289" t="s">
        <v>39</v>
      </c>
      <c r="L23" s="1290">
        <v>0</v>
      </c>
      <c r="M23" s="1289" t="s">
        <v>39</v>
      </c>
      <c r="N23" s="1285" t="s">
        <v>347</v>
      </c>
      <c r="O23" s="1292" t="s">
        <v>347</v>
      </c>
      <c r="P23" s="1269" t="s">
        <v>73</v>
      </c>
      <c r="Q23" s="310"/>
      <c r="R23" s="1293"/>
      <c r="S23" s="1293"/>
    </row>
    <row r="24" spans="1:19" ht="12.6" customHeight="1" x14ac:dyDescent="0.15">
      <c r="A24" s="44">
        <v>19</v>
      </c>
      <c r="B24" s="64" t="s">
        <v>20</v>
      </c>
      <c r="C24" s="1283">
        <v>62636906</v>
      </c>
      <c r="D24" s="1284">
        <v>8000</v>
      </c>
      <c r="E24" s="1285" t="s">
        <v>39</v>
      </c>
      <c r="F24" s="1285" t="s">
        <v>347</v>
      </c>
      <c r="G24" s="1285" t="s">
        <v>39</v>
      </c>
      <c r="H24" s="1286" t="s">
        <v>39</v>
      </c>
      <c r="I24" s="1287" t="s">
        <v>384</v>
      </c>
      <c r="J24" s="1288">
        <v>0</v>
      </c>
      <c r="K24" s="1289" t="s">
        <v>39</v>
      </c>
      <c r="L24" s="1290">
        <v>0</v>
      </c>
      <c r="M24" s="1289" t="s">
        <v>39</v>
      </c>
      <c r="N24" s="1285" t="s">
        <v>347</v>
      </c>
      <c r="O24" s="1292" t="s">
        <v>347</v>
      </c>
      <c r="P24" s="1269" t="s">
        <v>73</v>
      </c>
      <c r="Q24" s="310"/>
      <c r="R24" s="1293"/>
      <c r="S24" s="1293"/>
    </row>
    <row r="25" spans="1:19" ht="12.6" customHeight="1" x14ac:dyDescent="0.15">
      <c r="A25" s="44">
        <v>20</v>
      </c>
      <c r="B25" s="64" t="s">
        <v>21</v>
      </c>
      <c r="C25" s="1283">
        <v>70671225</v>
      </c>
      <c r="D25" s="1284">
        <v>6648</v>
      </c>
      <c r="E25" s="1285" t="s">
        <v>39</v>
      </c>
      <c r="F25" s="1285" t="s">
        <v>347</v>
      </c>
      <c r="G25" s="1285" t="s">
        <v>39</v>
      </c>
      <c r="H25" s="1286" t="s">
        <v>39</v>
      </c>
      <c r="I25" s="1287" t="s">
        <v>384</v>
      </c>
      <c r="J25" s="1288">
        <v>0</v>
      </c>
      <c r="K25" s="1289" t="s">
        <v>39</v>
      </c>
      <c r="L25" s="1290">
        <v>0</v>
      </c>
      <c r="M25" s="1289" t="s">
        <v>39</v>
      </c>
      <c r="N25" s="1285" t="s">
        <v>347</v>
      </c>
      <c r="O25" s="1292" t="s">
        <v>347</v>
      </c>
      <c r="P25" s="1269" t="s">
        <v>73</v>
      </c>
      <c r="Q25" s="310"/>
      <c r="R25" s="1293"/>
      <c r="S25" s="1293"/>
    </row>
    <row r="26" spans="1:19" ht="12.6" customHeight="1" x14ac:dyDescent="0.15">
      <c r="A26" s="44">
        <v>21</v>
      </c>
      <c r="B26" s="118" t="s">
        <v>19</v>
      </c>
      <c r="C26" s="1294">
        <v>122128760</v>
      </c>
      <c r="D26" s="1295">
        <v>6318</v>
      </c>
      <c r="E26" s="1296" t="s">
        <v>39</v>
      </c>
      <c r="F26" s="1297" t="s">
        <v>347</v>
      </c>
      <c r="G26" s="1296" t="s">
        <v>39</v>
      </c>
      <c r="H26" s="1297" t="s">
        <v>39</v>
      </c>
      <c r="I26" s="1298" t="s">
        <v>384</v>
      </c>
      <c r="J26" s="1299">
        <v>0</v>
      </c>
      <c r="K26" s="1300" t="s">
        <v>39</v>
      </c>
      <c r="L26" s="1301">
        <v>0</v>
      </c>
      <c r="M26" s="1300" t="s">
        <v>39</v>
      </c>
      <c r="N26" s="1297" t="s">
        <v>347</v>
      </c>
      <c r="O26" s="1302" t="s">
        <v>347</v>
      </c>
      <c r="P26" s="1269" t="s">
        <v>73</v>
      </c>
      <c r="Q26" s="310"/>
      <c r="R26" s="1293"/>
      <c r="S26" s="1293"/>
    </row>
    <row r="27" spans="1:19" ht="12.6" customHeight="1" x14ac:dyDescent="0.15">
      <c r="A27" s="44">
        <v>22</v>
      </c>
      <c r="B27" s="118" t="s">
        <v>22</v>
      </c>
      <c r="C27" s="1294">
        <v>39053565</v>
      </c>
      <c r="D27" s="1295">
        <v>5122</v>
      </c>
      <c r="E27" s="1296" t="s">
        <v>39</v>
      </c>
      <c r="F27" s="1296" t="s">
        <v>347</v>
      </c>
      <c r="G27" s="1296" t="s">
        <v>39</v>
      </c>
      <c r="H27" s="1297" t="s">
        <v>39</v>
      </c>
      <c r="I27" s="1298" t="s">
        <v>384</v>
      </c>
      <c r="J27" s="1299">
        <v>0</v>
      </c>
      <c r="K27" s="1300" t="s">
        <v>39</v>
      </c>
      <c r="L27" s="1303">
        <v>0</v>
      </c>
      <c r="M27" s="1300" t="s">
        <v>39</v>
      </c>
      <c r="N27" s="1296" t="s">
        <v>347</v>
      </c>
      <c r="O27" s="1302" t="s">
        <v>347</v>
      </c>
      <c r="P27" s="1269" t="s">
        <v>73</v>
      </c>
      <c r="Q27" s="310"/>
      <c r="R27" s="1293"/>
      <c r="S27" s="1293"/>
    </row>
    <row r="28" spans="1:19" ht="12.6" customHeight="1" x14ac:dyDescent="0.15">
      <c r="A28" s="44">
        <v>23</v>
      </c>
      <c r="B28" s="64" t="s">
        <v>23</v>
      </c>
      <c r="C28" s="1283">
        <v>36953460</v>
      </c>
      <c r="D28" s="1284">
        <v>5777</v>
      </c>
      <c r="E28" s="1285" t="s">
        <v>39</v>
      </c>
      <c r="F28" s="1285" t="s">
        <v>347</v>
      </c>
      <c r="G28" s="1285" t="s">
        <v>39</v>
      </c>
      <c r="H28" s="1286" t="s">
        <v>39</v>
      </c>
      <c r="I28" s="1287" t="s">
        <v>384</v>
      </c>
      <c r="J28" s="1288">
        <v>0</v>
      </c>
      <c r="K28" s="1289" t="s">
        <v>39</v>
      </c>
      <c r="L28" s="1290">
        <v>0</v>
      </c>
      <c r="M28" s="1289" t="s">
        <v>39</v>
      </c>
      <c r="N28" s="1285" t="s">
        <v>347</v>
      </c>
      <c r="O28" s="1292" t="s">
        <v>347</v>
      </c>
      <c r="P28" s="1269" t="s">
        <v>73</v>
      </c>
      <c r="Q28" s="310"/>
      <c r="R28" s="1293"/>
      <c r="S28" s="1293"/>
    </row>
    <row r="29" spans="1:19" ht="12.6" customHeight="1" x14ac:dyDescent="0.15">
      <c r="A29" s="44">
        <v>24</v>
      </c>
      <c r="B29" s="64" t="s">
        <v>24</v>
      </c>
      <c r="C29" s="1283">
        <v>21456355</v>
      </c>
      <c r="D29" s="1284">
        <v>8874</v>
      </c>
      <c r="E29" s="1285" t="s">
        <v>39</v>
      </c>
      <c r="F29" s="1285" t="s">
        <v>347</v>
      </c>
      <c r="G29" s="1285" t="s">
        <v>39</v>
      </c>
      <c r="H29" s="1286" t="s">
        <v>39</v>
      </c>
      <c r="I29" s="1287" t="s">
        <v>384</v>
      </c>
      <c r="J29" s="1288">
        <v>0</v>
      </c>
      <c r="K29" s="1289" t="s">
        <v>39</v>
      </c>
      <c r="L29" s="1290">
        <v>0</v>
      </c>
      <c r="M29" s="1289" t="s">
        <v>39</v>
      </c>
      <c r="N29" s="1285" t="s">
        <v>347</v>
      </c>
      <c r="O29" s="1292" t="s">
        <v>347</v>
      </c>
      <c r="P29" s="1269" t="s">
        <v>73</v>
      </c>
      <c r="Q29" s="310"/>
      <c r="R29" s="1293"/>
      <c r="S29" s="1293"/>
    </row>
    <row r="30" spans="1:19" ht="12.6" customHeight="1" x14ac:dyDescent="0.15">
      <c r="A30" s="44">
        <v>25</v>
      </c>
      <c r="B30" s="64" t="s">
        <v>25</v>
      </c>
      <c r="C30" s="1283">
        <v>30532742</v>
      </c>
      <c r="D30" s="1284">
        <v>8092</v>
      </c>
      <c r="E30" s="1285" t="s">
        <v>39</v>
      </c>
      <c r="F30" s="1285" t="s">
        <v>347</v>
      </c>
      <c r="G30" s="1285" t="s">
        <v>39</v>
      </c>
      <c r="H30" s="1286" t="s">
        <v>39</v>
      </c>
      <c r="I30" s="1287" t="s">
        <v>384</v>
      </c>
      <c r="J30" s="1288">
        <v>0</v>
      </c>
      <c r="K30" s="1289" t="s">
        <v>39</v>
      </c>
      <c r="L30" s="1290">
        <v>0</v>
      </c>
      <c r="M30" s="1289" t="s">
        <v>39</v>
      </c>
      <c r="N30" s="1285" t="s">
        <v>347</v>
      </c>
      <c r="O30" s="1292" t="s">
        <v>347</v>
      </c>
      <c r="P30" s="1269" t="s">
        <v>73</v>
      </c>
      <c r="Q30" s="310"/>
      <c r="R30" s="1293"/>
      <c r="S30" s="1293"/>
    </row>
    <row r="31" spans="1:19" ht="12.6" customHeight="1" x14ac:dyDescent="0.15">
      <c r="A31" s="44">
        <v>26</v>
      </c>
      <c r="B31" s="64" t="s">
        <v>26</v>
      </c>
      <c r="C31" s="1283">
        <v>31487385</v>
      </c>
      <c r="D31" s="1284">
        <v>12656</v>
      </c>
      <c r="E31" s="1285" t="s">
        <v>39</v>
      </c>
      <c r="F31" s="1285" t="s">
        <v>347</v>
      </c>
      <c r="G31" s="1285" t="s">
        <v>39</v>
      </c>
      <c r="H31" s="1286" t="s">
        <v>39</v>
      </c>
      <c r="I31" s="1287" t="s">
        <v>384</v>
      </c>
      <c r="J31" s="1288">
        <v>0</v>
      </c>
      <c r="K31" s="1289" t="s">
        <v>39</v>
      </c>
      <c r="L31" s="1290">
        <v>0</v>
      </c>
      <c r="M31" s="1289" t="s">
        <v>39</v>
      </c>
      <c r="N31" s="1285" t="s">
        <v>347</v>
      </c>
      <c r="O31" s="1292" t="s">
        <v>347</v>
      </c>
      <c r="P31" s="1269" t="s">
        <v>73</v>
      </c>
      <c r="Q31" s="310"/>
      <c r="R31" s="1293"/>
      <c r="S31" s="1293"/>
    </row>
    <row r="32" spans="1:19" ht="12.6" customHeight="1" x14ac:dyDescent="0.15">
      <c r="A32" s="44">
        <v>27</v>
      </c>
      <c r="B32" s="64" t="s">
        <v>27</v>
      </c>
      <c r="C32" s="1283">
        <v>24068750</v>
      </c>
      <c r="D32" s="1284">
        <v>9315</v>
      </c>
      <c r="E32" s="1285" t="s">
        <v>39</v>
      </c>
      <c r="F32" s="1285" t="s">
        <v>347</v>
      </c>
      <c r="G32" s="1285" t="s">
        <v>39</v>
      </c>
      <c r="H32" s="1286" t="s">
        <v>39</v>
      </c>
      <c r="I32" s="1287" t="s">
        <v>384</v>
      </c>
      <c r="J32" s="1288">
        <v>0</v>
      </c>
      <c r="K32" s="1289" t="s">
        <v>39</v>
      </c>
      <c r="L32" s="1290">
        <v>0</v>
      </c>
      <c r="M32" s="1289" t="s">
        <v>39</v>
      </c>
      <c r="N32" s="1285" t="s">
        <v>347</v>
      </c>
      <c r="O32" s="1292" t="s">
        <v>347</v>
      </c>
      <c r="P32" s="1269" t="s">
        <v>73</v>
      </c>
      <c r="Q32" s="310"/>
      <c r="R32" s="1293"/>
      <c r="S32" s="1293"/>
    </row>
    <row r="33" spans="1:19" ht="12.6" customHeight="1" x14ac:dyDescent="0.15">
      <c r="A33" s="44">
        <v>28</v>
      </c>
      <c r="B33" s="64" t="s">
        <v>28</v>
      </c>
      <c r="C33" s="1283">
        <v>17554820</v>
      </c>
      <c r="D33" s="1284">
        <v>5522</v>
      </c>
      <c r="E33" s="1285" t="s">
        <v>39</v>
      </c>
      <c r="F33" s="1285" t="s">
        <v>347</v>
      </c>
      <c r="G33" s="1285" t="s">
        <v>39</v>
      </c>
      <c r="H33" s="1286" t="s">
        <v>39</v>
      </c>
      <c r="I33" s="1287" t="s">
        <v>384</v>
      </c>
      <c r="J33" s="1288">
        <v>0</v>
      </c>
      <c r="K33" s="1289" t="s">
        <v>39</v>
      </c>
      <c r="L33" s="1290">
        <v>0</v>
      </c>
      <c r="M33" s="1289" t="s">
        <v>39</v>
      </c>
      <c r="N33" s="1285" t="s">
        <v>347</v>
      </c>
      <c r="O33" s="1292" t="s">
        <v>347</v>
      </c>
      <c r="P33" s="1269" t="s">
        <v>73</v>
      </c>
      <c r="Q33" s="310"/>
      <c r="R33" s="1293"/>
      <c r="S33" s="1293"/>
    </row>
    <row r="34" spans="1:19" ht="12.6" customHeight="1" x14ac:dyDescent="0.15">
      <c r="A34" s="1304">
        <v>29</v>
      </c>
      <c r="B34" s="79" t="s">
        <v>29</v>
      </c>
      <c r="C34" s="1305">
        <v>62281486</v>
      </c>
      <c r="D34" s="81">
        <v>22822</v>
      </c>
      <c r="E34" s="577" t="s">
        <v>39</v>
      </c>
      <c r="F34" s="577" t="s">
        <v>347</v>
      </c>
      <c r="G34" s="577" t="s">
        <v>39</v>
      </c>
      <c r="H34" s="1306" t="s">
        <v>39</v>
      </c>
      <c r="I34" s="1287" t="s">
        <v>384</v>
      </c>
      <c r="J34" s="83">
        <v>0</v>
      </c>
      <c r="K34" s="576" t="s">
        <v>39</v>
      </c>
      <c r="L34" s="82">
        <v>0</v>
      </c>
      <c r="M34" s="576" t="s">
        <v>39</v>
      </c>
      <c r="N34" s="577" t="s">
        <v>347</v>
      </c>
      <c r="O34" s="578" t="s">
        <v>347</v>
      </c>
      <c r="P34" s="1269" t="s">
        <v>73</v>
      </c>
      <c r="Q34" s="310"/>
      <c r="R34" s="1293"/>
      <c r="S34" s="1293"/>
    </row>
    <row r="35" spans="1:19" ht="12.6" customHeight="1" x14ac:dyDescent="0.15">
      <c r="A35" s="1304">
        <v>30</v>
      </c>
      <c r="B35" s="79" t="s">
        <v>30</v>
      </c>
      <c r="C35" s="1305">
        <v>24010871</v>
      </c>
      <c r="D35" s="81">
        <v>11246</v>
      </c>
      <c r="E35" s="577" t="s">
        <v>39</v>
      </c>
      <c r="F35" s="577" t="s">
        <v>347</v>
      </c>
      <c r="G35" s="577" t="s">
        <v>39</v>
      </c>
      <c r="H35" s="1306" t="s">
        <v>39</v>
      </c>
      <c r="I35" s="1287" t="s">
        <v>384</v>
      </c>
      <c r="J35" s="83">
        <v>0</v>
      </c>
      <c r="K35" s="576" t="s">
        <v>39</v>
      </c>
      <c r="L35" s="82">
        <v>0</v>
      </c>
      <c r="M35" s="576" t="s">
        <v>39</v>
      </c>
      <c r="N35" s="577" t="s">
        <v>347</v>
      </c>
      <c r="O35" s="578" t="s">
        <v>347</v>
      </c>
      <c r="P35" s="1269" t="s">
        <v>73</v>
      </c>
      <c r="Q35" s="310"/>
      <c r="R35" s="1293"/>
      <c r="S35" s="1293"/>
    </row>
    <row r="36" spans="1:19" ht="12.6" customHeight="1" x14ac:dyDescent="0.15">
      <c r="A36" s="1304">
        <v>31</v>
      </c>
      <c r="B36" s="79" t="s">
        <v>31</v>
      </c>
      <c r="C36" s="1305">
        <v>44186802</v>
      </c>
      <c r="D36" s="81">
        <v>6643</v>
      </c>
      <c r="E36" s="577" t="s">
        <v>39</v>
      </c>
      <c r="F36" s="577" t="s">
        <v>347</v>
      </c>
      <c r="G36" s="577" t="s">
        <v>39</v>
      </c>
      <c r="H36" s="1306" t="s">
        <v>39</v>
      </c>
      <c r="I36" s="1287" t="s">
        <v>384</v>
      </c>
      <c r="J36" s="83">
        <v>0</v>
      </c>
      <c r="K36" s="576" t="s">
        <v>39</v>
      </c>
      <c r="L36" s="82">
        <v>0</v>
      </c>
      <c r="M36" s="576" t="s">
        <v>39</v>
      </c>
      <c r="N36" s="577" t="s">
        <v>347</v>
      </c>
      <c r="O36" s="578" t="s">
        <v>347</v>
      </c>
      <c r="P36" s="1269" t="s">
        <v>73</v>
      </c>
      <c r="Q36" s="310"/>
      <c r="R36" s="1293"/>
      <c r="S36" s="1293"/>
    </row>
    <row r="37" spans="1:19" ht="12.6" customHeight="1" x14ac:dyDescent="0.15">
      <c r="A37" s="1304">
        <v>32</v>
      </c>
      <c r="B37" s="79" t="s">
        <v>32</v>
      </c>
      <c r="C37" s="1305">
        <v>81767427</v>
      </c>
      <c r="D37" s="81">
        <v>7775</v>
      </c>
      <c r="E37" s="577" t="s">
        <v>39</v>
      </c>
      <c r="F37" s="577" t="s">
        <v>347</v>
      </c>
      <c r="G37" s="577" t="s">
        <v>39</v>
      </c>
      <c r="H37" s="1306" t="s">
        <v>39</v>
      </c>
      <c r="I37" s="1287" t="s">
        <v>384</v>
      </c>
      <c r="J37" s="83">
        <v>0</v>
      </c>
      <c r="K37" s="576" t="s">
        <v>39</v>
      </c>
      <c r="L37" s="82">
        <v>0</v>
      </c>
      <c r="M37" s="576" t="s">
        <v>39</v>
      </c>
      <c r="N37" s="577" t="s">
        <v>347</v>
      </c>
      <c r="O37" s="578" t="s">
        <v>347</v>
      </c>
      <c r="P37" s="1293"/>
      <c r="Q37" s="1293"/>
      <c r="R37" s="1293"/>
      <c r="S37" s="1293"/>
    </row>
    <row r="38" spans="1:19" s="310" customFormat="1" ht="12.6" customHeight="1" thickBot="1" x14ac:dyDescent="0.2">
      <c r="A38" s="1304">
        <v>33</v>
      </c>
      <c r="B38" s="79" t="s">
        <v>33</v>
      </c>
      <c r="C38" s="1305">
        <v>18964898</v>
      </c>
      <c r="D38" s="1307">
        <v>24376</v>
      </c>
      <c r="E38" s="577" t="s">
        <v>39</v>
      </c>
      <c r="F38" s="577" t="s">
        <v>347</v>
      </c>
      <c r="G38" s="577" t="s">
        <v>39</v>
      </c>
      <c r="H38" s="1306" t="s">
        <v>383</v>
      </c>
      <c r="I38" s="1287" t="s">
        <v>384</v>
      </c>
      <c r="J38" s="83">
        <v>0</v>
      </c>
      <c r="K38" s="576" t="s">
        <v>39</v>
      </c>
      <c r="L38" s="82">
        <v>0</v>
      </c>
      <c r="M38" s="576" t="s">
        <v>39</v>
      </c>
      <c r="N38" s="577" t="s">
        <v>347</v>
      </c>
      <c r="O38" s="578" t="s">
        <v>347</v>
      </c>
      <c r="P38" s="1293"/>
      <c r="Q38" s="1293"/>
      <c r="R38" s="1293"/>
      <c r="S38" s="1293"/>
    </row>
    <row r="39" spans="1:19" s="310" customFormat="1" ht="12.6" hidden="1" customHeight="1" x14ac:dyDescent="0.15">
      <c r="A39" s="1304">
        <v>34</v>
      </c>
      <c r="B39" s="80" t="s">
        <v>34</v>
      </c>
      <c r="C39" s="1305" t="e">
        <v>#REF!</v>
      </c>
      <c r="D39" s="1308" t="e">
        <v>#REF!</v>
      </c>
      <c r="E39" s="1309" t="s">
        <v>39</v>
      </c>
      <c r="F39" s="577" t="s">
        <v>347</v>
      </c>
      <c r="G39" s="577" t="s">
        <v>39</v>
      </c>
      <c r="H39" s="1306" t="s">
        <v>39</v>
      </c>
      <c r="I39" s="1287" t="s">
        <v>384</v>
      </c>
      <c r="J39" s="83">
        <v>0</v>
      </c>
      <c r="K39" s="576" t="s">
        <v>39</v>
      </c>
      <c r="L39" s="82" t="e">
        <v>#REF!</v>
      </c>
      <c r="M39" s="576" t="s">
        <v>39</v>
      </c>
      <c r="N39" s="577" t="s">
        <v>347</v>
      </c>
      <c r="O39" s="578" t="s">
        <v>347</v>
      </c>
      <c r="P39" s="1293"/>
      <c r="Q39" s="1293"/>
      <c r="R39" s="1293"/>
      <c r="S39" s="1293"/>
    </row>
    <row r="40" spans="1:19" s="310" customFormat="1" ht="12.6" hidden="1" customHeight="1" x14ac:dyDescent="0.15">
      <c r="A40" s="1304">
        <v>35</v>
      </c>
      <c r="B40" s="80" t="s">
        <v>35</v>
      </c>
      <c r="C40" s="1305" t="e">
        <v>#REF!</v>
      </c>
      <c r="D40" s="81" t="e">
        <v>#REF!</v>
      </c>
      <c r="E40" s="577" t="s">
        <v>39</v>
      </c>
      <c r="F40" s="577" t="s">
        <v>347</v>
      </c>
      <c r="G40" s="577" t="s">
        <v>39</v>
      </c>
      <c r="H40" s="1306" t="s">
        <v>39</v>
      </c>
      <c r="I40" s="1287" t="s">
        <v>384</v>
      </c>
      <c r="J40" s="83">
        <v>0</v>
      </c>
      <c r="K40" s="576" t="s">
        <v>39</v>
      </c>
      <c r="L40" s="82" t="e">
        <v>#REF!</v>
      </c>
      <c r="M40" s="576" t="s">
        <v>39</v>
      </c>
      <c r="N40" s="577" t="s">
        <v>347</v>
      </c>
      <c r="O40" s="578" t="s">
        <v>347</v>
      </c>
      <c r="P40" s="1293"/>
      <c r="Q40" s="1293"/>
      <c r="R40" s="1293"/>
      <c r="S40" s="1293"/>
    </row>
    <row r="41" spans="1:19" s="310" customFormat="1" ht="12.6" hidden="1" customHeight="1" x14ac:dyDescent="0.15">
      <c r="A41" s="1304">
        <v>36</v>
      </c>
      <c r="B41" s="80" t="s">
        <v>36</v>
      </c>
      <c r="C41" s="1305" t="e">
        <v>#REF!</v>
      </c>
      <c r="D41" s="81" t="e">
        <v>#REF!</v>
      </c>
      <c r="E41" s="577" t="s">
        <v>39</v>
      </c>
      <c r="F41" s="577" t="s">
        <v>347</v>
      </c>
      <c r="G41" s="577" t="s">
        <v>39</v>
      </c>
      <c r="H41" s="1306" t="s">
        <v>39</v>
      </c>
      <c r="I41" s="1287" t="s">
        <v>384</v>
      </c>
      <c r="J41" s="83">
        <v>0</v>
      </c>
      <c r="K41" s="576" t="s">
        <v>39</v>
      </c>
      <c r="L41" s="82" t="e">
        <v>#REF!</v>
      </c>
      <c r="M41" s="576" t="s">
        <v>39</v>
      </c>
      <c r="N41" s="577" t="s">
        <v>347</v>
      </c>
      <c r="O41" s="578" t="s">
        <v>347</v>
      </c>
      <c r="P41" s="1293"/>
      <c r="Q41" s="1293"/>
      <c r="R41" s="1293"/>
      <c r="S41" s="1293"/>
    </row>
    <row r="42" spans="1:19" s="310" customFormat="1" ht="12.6" hidden="1" customHeight="1" thickBot="1" x14ac:dyDescent="0.2">
      <c r="A42" s="1304">
        <v>37</v>
      </c>
      <c r="B42" s="215" t="s">
        <v>37</v>
      </c>
      <c r="C42" s="1310" t="e">
        <v>#REF!</v>
      </c>
      <c r="D42" s="1307" t="e">
        <v>#REF!</v>
      </c>
      <c r="E42" s="581" t="s">
        <v>39</v>
      </c>
      <c r="F42" s="581" t="s">
        <v>347</v>
      </c>
      <c r="G42" s="581" t="s">
        <v>39</v>
      </c>
      <c r="H42" s="1311" t="s">
        <v>39</v>
      </c>
      <c r="I42" s="1312" t="s">
        <v>384</v>
      </c>
      <c r="J42" s="1313">
        <v>0</v>
      </c>
      <c r="K42" s="580" t="s">
        <v>39</v>
      </c>
      <c r="L42" s="579" t="e">
        <v>#REF!</v>
      </c>
      <c r="M42" s="580" t="s">
        <v>39</v>
      </c>
      <c r="N42" s="581" t="s">
        <v>347</v>
      </c>
      <c r="O42" s="582" t="s">
        <v>347</v>
      </c>
      <c r="P42" s="1293"/>
      <c r="Q42" s="1293"/>
      <c r="R42" s="1293"/>
      <c r="S42" s="1293"/>
    </row>
    <row r="43" spans="1:19" s="1322" customFormat="1" ht="12.6" customHeight="1" thickTop="1" thickBot="1" x14ac:dyDescent="0.2">
      <c r="A43" s="1729" t="s">
        <v>38</v>
      </c>
      <c r="B43" s="1730"/>
      <c r="C43" s="1314">
        <v>13578989406</v>
      </c>
      <c r="D43" s="1314">
        <v>7600</v>
      </c>
      <c r="E43" s="1315" t="s">
        <v>39</v>
      </c>
      <c r="F43" s="585" t="s">
        <v>347</v>
      </c>
      <c r="G43" s="1315" t="s">
        <v>39</v>
      </c>
      <c r="H43" s="585" t="s">
        <v>39</v>
      </c>
      <c r="I43" s="1316" t="s">
        <v>384</v>
      </c>
      <c r="J43" s="593">
        <v>0</v>
      </c>
      <c r="K43" s="584" t="s">
        <v>39</v>
      </c>
      <c r="L43" s="583">
        <v>0</v>
      </c>
      <c r="M43" s="584" t="s">
        <v>39</v>
      </c>
      <c r="N43" s="585" t="s">
        <v>347</v>
      </c>
      <c r="O43" s="586" t="s">
        <v>347</v>
      </c>
      <c r="P43" s="1323"/>
      <c r="Q43" s="1323"/>
      <c r="R43" s="1323"/>
      <c r="S43" s="1323"/>
    </row>
    <row r="44" spans="1:19" s="310" customFormat="1" ht="12.6" customHeight="1" thickTop="1" x14ac:dyDescent="0.15">
      <c r="A44" s="1304">
        <v>301</v>
      </c>
      <c r="B44" s="1317" t="s">
        <v>346</v>
      </c>
      <c r="C44" s="1305">
        <v>116501009</v>
      </c>
      <c r="D44" s="81">
        <v>9145</v>
      </c>
      <c r="E44" s="81">
        <v>76603518</v>
      </c>
      <c r="F44" s="81">
        <v>62998501</v>
      </c>
      <c r="G44" s="82">
        <v>82.24</v>
      </c>
      <c r="H44" s="83">
        <v>13605017</v>
      </c>
      <c r="I44" s="591">
        <v>10748647</v>
      </c>
      <c r="J44" s="83">
        <v>844</v>
      </c>
      <c r="K44" s="82">
        <v>65.75</v>
      </c>
      <c r="L44" s="82">
        <v>9.23</v>
      </c>
      <c r="M44" s="82">
        <v>14.03</v>
      </c>
      <c r="N44" s="81">
        <v>62998501</v>
      </c>
      <c r="O44" s="84">
        <v>54.08</v>
      </c>
      <c r="P44" s="1293"/>
      <c r="Q44" s="1293"/>
      <c r="R44" s="1293"/>
      <c r="S44" s="1293"/>
    </row>
    <row r="45" spans="1:19" ht="12.6" customHeight="1" x14ac:dyDescent="0.15">
      <c r="A45" s="1304">
        <v>302</v>
      </c>
      <c r="B45" s="1317" t="s">
        <v>348</v>
      </c>
      <c r="C45" s="1305">
        <v>145765699</v>
      </c>
      <c r="D45" s="81">
        <v>8839</v>
      </c>
      <c r="E45" s="81">
        <v>95188490</v>
      </c>
      <c r="F45" s="81">
        <v>64252347</v>
      </c>
      <c r="G45" s="82">
        <v>67.5</v>
      </c>
      <c r="H45" s="83">
        <v>30936143</v>
      </c>
      <c r="I45" s="591">
        <v>13157765</v>
      </c>
      <c r="J45" s="83">
        <v>798</v>
      </c>
      <c r="K45" s="82">
        <v>65.3</v>
      </c>
      <c r="L45" s="82">
        <v>9.0299999999999994</v>
      </c>
      <c r="M45" s="82">
        <v>13.82</v>
      </c>
      <c r="N45" s="81">
        <v>65251397</v>
      </c>
      <c r="O45" s="84">
        <v>44.76</v>
      </c>
      <c r="P45" s="1269" t="s">
        <v>73</v>
      </c>
      <c r="Q45" s="310"/>
      <c r="R45" s="1293"/>
      <c r="S45" s="1293"/>
    </row>
    <row r="46" spans="1:19" ht="12.6" customHeight="1" x14ac:dyDescent="0.15">
      <c r="A46" s="1304">
        <v>303</v>
      </c>
      <c r="B46" s="1317" t="s">
        <v>349</v>
      </c>
      <c r="C46" s="1305">
        <v>172881127</v>
      </c>
      <c r="D46" s="81">
        <v>12971</v>
      </c>
      <c r="E46" s="81">
        <v>77829331</v>
      </c>
      <c r="F46" s="81">
        <v>62239492</v>
      </c>
      <c r="G46" s="82">
        <v>79.97</v>
      </c>
      <c r="H46" s="83">
        <v>15589839</v>
      </c>
      <c r="I46" s="591">
        <v>13775395</v>
      </c>
      <c r="J46" s="83">
        <v>1034</v>
      </c>
      <c r="K46" s="82">
        <v>45.02</v>
      </c>
      <c r="L46" s="82">
        <v>7.97</v>
      </c>
      <c r="M46" s="82">
        <v>17.7</v>
      </c>
      <c r="N46" s="81">
        <v>88514308</v>
      </c>
      <c r="O46" s="84">
        <v>51.2</v>
      </c>
      <c r="P46" s="1269" t="s">
        <v>73</v>
      </c>
      <c r="Q46" s="310"/>
      <c r="R46" s="1293"/>
      <c r="S46" s="1293"/>
    </row>
    <row r="47" spans="1:19" ht="12.6" customHeight="1" x14ac:dyDescent="0.15">
      <c r="A47" s="1304">
        <v>304</v>
      </c>
      <c r="B47" s="1317" t="s">
        <v>350</v>
      </c>
      <c r="C47" s="1305">
        <v>66459813</v>
      </c>
      <c r="D47" s="81">
        <v>17619</v>
      </c>
      <c r="E47" s="81">
        <v>35272010</v>
      </c>
      <c r="F47" s="81">
        <v>32149767</v>
      </c>
      <c r="G47" s="82">
        <v>91.15</v>
      </c>
      <c r="H47" s="83">
        <v>3122243</v>
      </c>
      <c r="I47" s="591">
        <v>4758004</v>
      </c>
      <c r="J47" s="83">
        <v>1261</v>
      </c>
      <c r="K47" s="82">
        <v>53.07</v>
      </c>
      <c r="L47" s="82">
        <v>7.16</v>
      </c>
      <c r="M47" s="82">
        <v>13.49</v>
      </c>
      <c r="N47" s="81">
        <v>32149767</v>
      </c>
      <c r="O47" s="84">
        <v>48.37</v>
      </c>
      <c r="P47" s="1269" t="s">
        <v>73</v>
      </c>
      <c r="Q47" s="310"/>
      <c r="R47" s="1293"/>
      <c r="S47" s="1293"/>
    </row>
    <row r="48" spans="1:19" ht="12.6" customHeight="1" x14ac:dyDescent="0.15">
      <c r="A48" s="1304">
        <v>305</v>
      </c>
      <c r="B48" s="1317" t="s">
        <v>351</v>
      </c>
      <c r="C48" s="1305">
        <v>134907731</v>
      </c>
      <c r="D48" s="81">
        <v>17468</v>
      </c>
      <c r="E48" s="81">
        <v>63172449</v>
      </c>
      <c r="F48" s="81">
        <v>51497178</v>
      </c>
      <c r="G48" s="82">
        <v>81.52</v>
      </c>
      <c r="H48" s="83">
        <v>11675271</v>
      </c>
      <c r="I48" s="591">
        <v>9618011</v>
      </c>
      <c r="J48" s="83">
        <v>1245</v>
      </c>
      <c r="K48" s="82">
        <v>46.83</v>
      </c>
      <c r="L48" s="82">
        <v>7.13</v>
      </c>
      <c r="M48" s="82">
        <v>15.23</v>
      </c>
      <c r="N48" s="81">
        <v>52455695</v>
      </c>
      <c r="O48" s="84">
        <v>38.880000000000003</v>
      </c>
      <c r="P48" s="1269" t="s">
        <v>73</v>
      </c>
      <c r="Q48" s="310"/>
      <c r="R48" s="1293"/>
      <c r="S48" s="1293"/>
    </row>
    <row r="49" spans="1:19" ht="12.6" customHeight="1" thickBot="1" x14ac:dyDescent="0.2">
      <c r="A49" s="1318">
        <v>306</v>
      </c>
      <c r="B49" s="1319" t="s">
        <v>352</v>
      </c>
      <c r="C49" s="1320">
        <v>827757040</v>
      </c>
      <c r="D49" s="587">
        <v>10541</v>
      </c>
      <c r="E49" s="587">
        <v>588242631</v>
      </c>
      <c r="F49" s="587">
        <v>216314841</v>
      </c>
      <c r="G49" s="85">
        <v>36.770000000000003</v>
      </c>
      <c r="H49" s="86">
        <v>371927790</v>
      </c>
      <c r="I49" s="592">
        <v>73701529</v>
      </c>
      <c r="J49" s="86">
        <v>939</v>
      </c>
      <c r="K49" s="85">
        <v>71.06</v>
      </c>
      <c r="L49" s="85">
        <v>8.9</v>
      </c>
      <c r="M49" s="85">
        <v>12.53</v>
      </c>
      <c r="N49" s="587">
        <v>292915162</v>
      </c>
      <c r="O49" s="87">
        <v>35.39</v>
      </c>
      <c r="P49" s="1269" t="s">
        <v>73</v>
      </c>
      <c r="Q49" s="310"/>
      <c r="R49" s="1293"/>
      <c r="S49" s="1293"/>
    </row>
    <row r="50" spans="1:19" s="1324" customFormat="1" ht="12.6" customHeight="1" thickTop="1" thickBot="1" x14ac:dyDescent="0.2">
      <c r="A50" s="1729" t="s">
        <v>357</v>
      </c>
      <c r="B50" s="1730"/>
      <c r="C50" s="1320">
        <v>1464272419</v>
      </c>
      <c r="D50" s="587">
        <v>11044</v>
      </c>
      <c r="E50" s="587">
        <v>936308429</v>
      </c>
      <c r="F50" s="587">
        <v>489452126</v>
      </c>
      <c r="G50" s="85">
        <v>52.27</v>
      </c>
      <c r="H50" s="86">
        <v>446856303</v>
      </c>
      <c r="I50" s="593">
        <v>125759351</v>
      </c>
      <c r="J50" s="86">
        <v>949</v>
      </c>
      <c r="K50" s="85">
        <v>63.94</v>
      </c>
      <c r="L50" s="85">
        <v>8.59</v>
      </c>
      <c r="M50" s="85">
        <v>13.43</v>
      </c>
      <c r="N50" s="587">
        <v>594284830</v>
      </c>
      <c r="O50" s="87">
        <v>40.590000000000003</v>
      </c>
      <c r="P50" s="1321" t="s">
        <v>73</v>
      </c>
      <c r="Q50" s="1322"/>
      <c r="R50" s="1293"/>
      <c r="S50" s="1323"/>
    </row>
    <row r="51" spans="1:19" s="1324" customFormat="1" ht="12.6" customHeight="1" thickTop="1" thickBot="1" x14ac:dyDescent="0.2">
      <c r="A51" s="1732" t="s">
        <v>358</v>
      </c>
      <c r="B51" s="1733"/>
      <c r="C51" s="1325">
        <v>15043261825</v>
      </c>
      <c r="D51" s="589">
        <v>7838</v>
      </c>
      <c r="E51" s="589">
        <v>936308429</v>
      </c>
      <c r="F51" s="589">
        <v>489452126</v>
      </c>
      <c r="G51" s="588">
        <v>52.27</v>
      </c>
      <c r="H51" s="1326">
        <v>446856303</v>
      </c>
      <c r="I51" s="589">
        <v>125759351</v>
      </c>
      <c r="J51" s="1327" t="s">
        <v>39</v>
      </c>
      <c r="K51" s="588">
        <v>6.22</v>
      </c>
      <c r="L51" s="588">
        <v>0.84</v>
      </c>
      <c r="M51" s="588">
        <v>13.43</v>
      </c>
      <c r="N51" s="589">
        <v>594284830</v>
      </c>
      <c r="O51" s="590">
        <v>3.95</v>
      </c>
      <c r="P51" s="1321" t="s">
        <v>73</v>
      </c>
      <c r="Q51" s="1322"/>
      <c r="R51" s="1293"/>
      <c r="S51" s="1323"/>
    </row>
    <row r="52" spans="1:19" s="1334" customFormat="1" ht="11.1" customHeight="1" x14ac:dyDescent="0.15">
      <c r="A52" s="1328"/>
      <c r="B52" s="1328"/>
      <c r="C52" s="1329"/>
      <c r="D52" s="1330"/>
      <c r="E52" s="1330"/>
      <c r="F52" s="1330"/>
      <c r="G52" s="1330"/>
      <c r="H52" s="1331"/>
      <c r="I52" s="1331"/>
      <c r="J52" s="1331"/>
      <c r="K52" s="1331"/>
      <c r="L52" s="1331"/>
      <c r="M52" s="1331"/>
      <c r="N52" s="1331"/>
      <c r="O52" s="1331"/>
      <c r="P52" s="1332" t="s">
        <v>73</v>
      </c>
      <c r="Q52" s="1333"/>
      <c r="R52" s="308"/>
      <c r="S52" s="1333"/>
    </row>
    <row r="53" spans="1:19" s="1334" customFormat="1" ht="11.1" customHeight="1" x14ac:dyDescent="0.15">
      <c r="A53" s="1328"/>
      <c r="B53" s="1328"/>
      <c r="C53" s="1330"/>
      <c r="D53" s="1330"/>
      <c r="E53" s="1330"/>
      <c r="F53" s="1330"/>
      <c r="G53" s="1330"/>
      <c r="H53" s="1331"/>
      <c r="I53" s="1331"/>
      <c r="J53" s="1331"/>
      <c r="K53" s="1331"/>
      <c r="L53" s="1331"/>
      <c r="M53" s="1331"/>
      <c r="N53" s="1331"/>
      <c r="O53" s="1331"/>
      <c r="P53" s="1335"/>
      <c r="Q53" s="1333"/>
      <c r="R53" s="308"/>
      <c r="S53" s="1333"/>
    </row>
    <row r="54" spans="1:19" ht="11.1" customHeight="1" x14ac:dyDescent="0.15">
      <c r="A54" s="1328"/>
      <c r="B54" s="1336"/>
      <c r="C54" s="1337"/>
      <c r="D54" s="1337"/>
      <c r="E54" s="1337"/>
      <c r="F54" s="1338"/>
      <c r="G54" s="1337"/>
      <c r="H54" s="1339"/>
      <c r="I54" s="1340"/>
      <c r="J54" s="1339"/>
      <c r="K54" s="1339"/>
      <c r="L54" s="1339"/>
      <c r="M54" s="1339"/>
      <c r="N54" s="1339"/>
      <c r="O54" s="1339"/>
      <c r="P54" s="1341"/>
      <c r="Q54" s="310"/>
      <c r="S54" s="310"/>
    </row>
    <row r="55" spans="1:19" ht="10.5" customHeight="1" x14ac:dyDescent="0.15">
      <c r="A55" s="1336"/>
      <c r="B55" s="1336"/>
      <c r="C55" s="1337"/>
      <c r="D55" s="1337"/>
      <c r="E55" s="1337"/>
      <c r="F55" s="1342"/>
      <c r="G55" s="1337"/>
      <c r="H55" s="1342"/>
      <c r="I55" s="1339"/>
      <c r="J55" s="1339"/>
      <c r="K55" s="1339"/>
      <c r="L55" s="1339"/>
      <c r="M55" s="1339"/>
      <c r="N55" s="1342"/>
      <c r="O55" s="1339"/>
      <c r="P55" s="1341"/>
      <c r="Q55" s="310"/>
      <c r="S55" s="310"/>
    </row>
    <row r="56" spans="1:19" ht="10.5" customHeight="1" x14ac:dyDescent="0.15">
      <c r="A56" s="1336"/>
      <c r="B56" s="1336"/>
      <c r="C56" s="1338"/>
      <c r="D56" s="1337"/>
      <c r="E56" s="1726"/>
      <c r="F56" s="1726"/>
      <c r="G56" s="1726"/>
      <c r="H56" s="1726"/>
      <c r="I56" s="1726"/>
      <c r="J56" s="1337"/>
      <c r="K56" s="1337"/>
      <c r="L56" s="1337"/>
      <c r="M56" s="1337"/>
      <c r="N56" s="1343"/>
      <c r="O56" s="1337"/>
      <c r="P56" s="1336"/>
    </row>
    <row r="57" spans="1:19" ht="10.5" customHeight="1" x14ac:dyDescent="0.15">
      <c r="A57" s="1336"/>
      <c r="B57" s="1336"/>
      <c r="C57" s="1337"/>
      <c r="D57" s="1337"/>
      <c r="E57" s="1337"/>
      <c r="F57" s="1337"/>
      <c r="G57" s="1337"/>
      <c r="H57" s="1337"/>
      <c r="I57" s="1337"/>
      <c r="J57" s="1337"/>
      <c r="K57" s="1337"/>
      <c r="L57" s="1337"/>
      <c r="M57" s="1337"/>
      <c r="N57" s="1337"/>
      <c r="O57" s="1337"/>
      <c r="P57" s="1336"/>
    </row>
    <row r="58" spans="1:19" ht="10.5" customHeight="1" x14ac:dyDescent="0.15">
      <c r="A58" s="1336"/>
      <c r="B58" s="1336"/>
      <c r="C58" s="1337"/>
      <c r="D58" s="1337"/>
      <c r="E58" s="1337"/>
      <c r="F58" s="1337"/>
      <c r="G58" s="1337"/>
      <c r="H58" s="1337"/>
      <c r="I58" s="1337"/>
      <c r="J58" s="1337"/>
      <c r="K58" s="1337"/>
      <c r="L58" s="1337"/>
      <c r="M58" s="1337"/>
      <c r="N58" s="1337"/>
      <c r="O58" s="1337"/>
      <c r="P58" s="1336"/>
    </row>
    <row r="59" spans="1:19" x14ac:dyDescent="0.15">
      <c r="C59" s="1337"/>
      <c r="D59" s="1337"/>
      <c r="E59" s="1344"/>
      <c r="F59" s="1337"/>
      <c r="G59" s="1278"/>
      <c r="H59" s="1278"/>
      <c r="I59" s="1278"/>
      <c r="J59" s="1278"/>
      <c r="K59" s="1344"/>
      <c r="L59" s="1344"/>
      <c r="M59" s="1278"/>
      <c r="N59" s="1278"/>
      <c r="O59" s="1278"/>
    </row>
    <row r="60" spans="1:19" x14ac:dyDescent="0.15">
      <c r="C60" s="1337"/>
      <c r="D60" s="1337"/>
      <c r="E60" s="1344"/>
      <c r="F60" s="1337"/>
      <c r="G60" s="1278"/>
      <c r="H60" s="1278"/>
      <c r="I60" s="1278"/>
      <c r="J60" s="1278"/>
      <c r="K60" s="1344"/>
      <c r="L60" s="1344"/>
      <c r="M60" s="1278"/>
      <c r="N60" s="1278"/>
      <c r="O60" s="1278"/>
    </row>
    <row r="61" spans="1:19" x14ac:dyDescent="0.15">
      <c r="C61" s="1337"/>
      <c r="D61" s="1337"/>
      <c r="E61" s="1344"/>
      <c r="F61" s="1337"/>
      <c r="G61" s="1278"/>
      <c r="H61" s="1278"/>
      <c r="I61" s="1278"/>
      <c r="J61" s="1278"/>
      <c r="K61" s="1344"/>
      <c r="L61" s="1344"/>
      <c r="M61" s="1278"/>
      <c r="N61" s="1278"/>
      <c r="O61" s="1278"/>
    </row>
    <row r="62" spans="1:19" x14ac:dyDescent="0.15">
      <c r="C62" s="1278"/>
      <c r="D62" s="1278"/>
      <c r="E62" s="1278"/>
      <c r="F62" s="1278"/>
      <c r="G62" s="1278"/>
      <c r="H62" s="1278"/>
      <c r="I62" s="1278"/>
      <c r="J62" s="1278"/>
      <c r="K62" s="1344"/>
      <c r="L62" s="1344"/>
      <c r="M62" s="1278"/>
      <c r="N62" s="1278"/>
      <c r="O62" s="1278"/>
    </row>
    <row r="63" spans="1:19" x14ac:dyDescent="0.15">
      <c r="C63" s="1278"/>
      <c r="D63" s="1278"/>
      <c r="E63" s="1278"/>
      <c r="F63" s="1278"/>
      <c r="G63" s="1278"/>
      <c r="H63" s="1278"/>
      <c r="I63" s="1278"/>
      <c r="J63" s="1278"/>
      <c r="K63" s="1344"/>
      <c r="L63" s="1344"/>
      <c r="M63" s="1278"/>
      <c r="N63" s="1278"/>
      <c r="O63" s="1278"/>
    </row>
    <row r="64" spans="1:19" x14ac:dyDescent="0.15">
      <c r="C64" s="1278"/>
      <c r="D64" s="1278"/>
      <c r="E64" s="1278"/>
      <c r="F64" s="1278"/>
      <c r="G64" s="1278"/>
      <c r="H64" s="1278"/>
      <c r="I64" s="1278"/>
      <c r="J64" s="1278"/>
      <c r="K64" s="1344"/>
      <c r="L64" s="1344"/>
      <c r="M64" s="1278"/>
      <c r="N64" s="1278"/>
      <c r="O64" s="1278"/>
    </row>
    <row r="65" spans="3:15" x14ac:dyDescent="0.15">
      <c r="C65" s="1278"/>
      <c r="D65" s="1278"/>
      <c r="E65" s="1278"/>
      <c r="F65" s="1278"/>
      <c r="G65" s="1278"/>
      <c r="H65" s="1278"/>
      <c r="I65" s="1278"/>
      <c r="J65" s="1278"/>
      <c r="K65" s="1344"/>
      <c r="L65" s="1344"/>
      <c r="M65" s="1278"/>
      <c r="N65" s="1278"/>
      <c r="O65" s="1278"/>
    </row>
    <row r="66" spans="3:15" x14ac:dyDescent="0.15">
      <c r="C66" s="1278"/>
      <c r="D66" s="1278"/>
      <c r="E66" s="1278"/>
      <c r="F66" s="1278"/>
      <c r="G66" s="1278"/>
      <c r="H66" s="1278"/>
      <c r="I66" s="1278"/>
      <c r="J66" s="1278"/>
      <c r="K66" s="1344"/>
      <c r="L66" s="1344"/>
      <c r="M66" s="1278"/>
      <c r="N66" s="1278"/>
      <c r="O66" s="1278"/>
    </row>
    <row r="67" spans="3:15" x14ac:dyDescent="0.15">
      <c r="C67" s="1278"/>
      <c r="D67" s="1278"/>
      <c r="E67" s="1278"/>
      <c r="F67" s="1278"/>
      <c r="G67" s="1278"/>
      <c r="H67" s="1278"/>
      <c r="I67" s="1278"/>
      <c r="J67" s="1278"/>
      <c r="K67" s="1344"/>
      <c r="L67" s="1344"/>
      <c r="M67" s="1278"/>
      <c r="N67" s="1278"/>
      <c r="O67" s="1278"/>
    </row>
    <row r="68" spans="3:15" x14ac:dyDescent="0.15">
      <c r="C68" s="1278"/>
      <c r="D68" s="1278"/>
      <c r="E68" s="1278"/>
      <c r="F68" s="1278"/>
      <c r="G68" s="1278"/>
      <c r="H68" s="1278"/>
      <c r="I68" s="1278"/>
      <c r="J68" s="1278"/>
      <c r="K68" s="1344"/>
      <c r="L68" s="1344"/>
      <c r="M68" s="1278"/>
      <c r="N68" s="1278"/>
      <c r="O68" s="1278"/>
    </row>
    <row r="69" spans="3:15" x14ac:dyDescent="0.15">
      <c r="C69" s="1278"/>
      <c r="D69" s="1278"/>
      <c r="E69" s="1278"/>
      <c r="F69" s="1278"/>
      <c r="G69" s="1278"/>
      <c r="H69" s="1278"/>
      <c r="I69" s="1278"/>
      <c r="J69" s="1278"/>
      <c r="K69" s="1344"/>
      <c r="L69" s="1344"/>
      <c r="M69" s="1278"/>
      <c r="N69" s="1278"/>
      <c r="O69" s="1278"/>
    </row>
    <row r="70" spans="3:15" x14ac:dyDescent="0.15">
      <c r="K70" s="1345"/>
      <c r="L70" s="1345"/>
    </row>
    <row r="71" spans="3:15" x14ac:dyDescent="0.15">
      <c r="K71" s="1345"/>
      <c r="L71" s="1345"/>
    </row>
    <row r="72" spans="3:15" x14ac:dyDescent="0.15">
      <c r="K72" s="1345"/>
      <c r="L72" s="1345"/>
    </row>
    <row r="73" spans="3:15" x14ac:dyDescent="0.15">
      <c r="K73" s="1345"/>
      <c r="L73" s="1345"/>
    </row>
    <row r="74" spans="3:15" x14ac:dyDescent="0.15">
      <c r="K74" s="1345"/>
      <c r="L74" s="1345"/>
    </row>
    <row r="75" spans="3:15" x14ac:dyDescent="0.15">
      <c r="K75" s="1345"/>
      <c r="L75" s="1345"/>
    </row>
    <row r="76" spans="3:15" x14ac:dyDescent="0.15">
      <c r="K76" s="1345"/>
      <c r="L76" s="1345"/>
    </row>
    <row r="77" spans="3:15" x14ac:dyDescent="0.15">
      <c r="K77" s="1345"/>
      <c r="L77" s="1345"/>
    </row>
    <row r="78" spans="3:15" x14ac:dyDescent="0.15">
      <c r="K78" s="1345"/>
      <c r="L78" s="1345"/>
    </row>
    <row r="79" spans="3:15" x14ac:dyDescent="0.15">
      <c r="C79" s="1345">
        <v>0</v>
      </c>
      <c r="D79" s="1345">
        <v>0</v>
      </c>
      <c r="E79" s="1345">
        <v>0</v>
      </c>
      <c r="F79" s="1345">
        <v>0</v>
      </c>
      <c r="G79" s="1345">
        <v>0</v>
      </c>
      <c r="H79" s="1345">
        <v>0</v>
      </c>
      <c r="I79" s="1345">
        <v>0</v>
      </c>
      <c r="J79" s="1345">
        <v>0</v>
      </c>
      <c r="K79" s="1345">
        <v>0</v>
      </c>
      <c r="L79" s="1345">
        <v>0</v>
      </c>
      <c r="M79" s="1345">
        <v>0</v>
      </c>
    </row>
    <row r="98" spans="2:30" x14ac:dyDescent="0.15">
      <c r="C98" s="1336"/>
    </row>
    <row r="99" spans="2:30" x14ac:dyDescent="0.15">
      <c r="B99" s="1336"/>
    </row>
    <row r="101" spans="2:30" x14ac:dyDescent="0.15">
      <c r="B101" s="1336"/>
      <c r="H101" s="1345"/>
      <c r="I101" s="1336"/>
    </row>
    <row r="102" spans="2:30" x14ac:dyDescent="0.15">
      <c r="C102" s="1336"/>
      <c r="D102" s="1336"/>
      <c r="E102" s="1336"/>
      <c r="H102" s="1345"/>
      <c r="I102" s="1336"/>
    </row>
    <row r="103" spans="2:30" x14ac:dyDescent="0.15">
      <c r="C103" s="1336"/>
      <c r="D103" s="1336"/>
      <c r="E103" s="1336"/>
      <c r="H103" s="1345"/>
      <c r="I103" s="1336"/>
    </row>
    <row r="104" spans="2:30" x14ac:dyDescent="0.15">
      <c r="C104" s="1336"/>
      <c r="D104" s="1345"/>
      <c r="E104" s="1336"/>
      <c r="F104" s="1336"/>
      <c r="G104" s="1336"/>
      <c r="H104" s="1336"/>
      <c r="I104" s="1336"/>
    </row>
    <row r="105" spans="2:30" x14ac:dyDescent="0.15">
      <c r="B105" s="1336"/>
      <c r="C105" s="1336"/>
      <c r="D105" s="1345"/>
      <c r="E105" s="1336"/>
      <c r="F105" s="1336"/>
      <c r="G105" s="1336"/>
      <c r="H105" s="1336"/>
      <c r="I105" s="1336"/>
    </row>
    <row r="106" spans="2:30" x14ac:dyDescent="0.15">
      <c r="C106" s="1336"/>
      <c r="D106" s="1345"/>
      <c r="E106" s="1336"/>
      <c r="F106" s="1336"/>
      <c r="G106" s="1336"/>
      <c r="H106" s="1336"/>
      <c r="I106" s="1345"/>
      <c r="J106" s="1345"/>
      <c r="V106" s="1345"/>
      <c r="W106" s="1336"/>
      <c r="X106" s="1336"/>
      <c r="Y106" s="1336"/>
      <c r="Z106" s="1336"/>
    </row>
    <row r="107" spans="2:30" x14ac:dyDescent="0.15">
      <c r="B107" s="1336"/>
      <c r="C107" s="1345"/>
      <c r="D107" s="1345"/>
      <c r="E107" s="1336"/>
      <c r="F107" s="1336"/>
      <c r="G107" s="1336"/>
      <c r="H107" s="1336"/>
      <c r="I107" s="1336"/>
      <c r="J107" s="1345"/>
      <c r="V107" s="1345"/>
      <c r="W107" s="1336"/>
      <c r="X107" s="1336"/>
      <c r="Y107" s="1336"/>
      <c r="Z107" s="1336"/>
    </row>
    <row r="108" spans="2:30" x14ac:dyDescent="0.15">
      <c r="C108" s="1336"/>
      <c r="D108" s="1345"/>
      <c r="E108" s="1336"/>
      <c r="F108" s="1336"/>
      <c r="G108" s="1336"/>
      <c r="H108" s="1336"/>
      <c r="I108" s="1345"/>
      <c r="J108" s="1345"/>
      <c r="V108" s="1345"/>
    </row>
    <row r="109" spans="2:30" x14ac:dyDescent="0.15">
      <c r="C109" s="1345"/>
      <c r="D109" s="1345"/>
      <c r="E109" s="1345"/>
      <c r="F109" s="1345"/>
      <c r="G109" s="1345"/>
      <c r="H109" s="1345"/>
      <c r="I109" s="1336"/>
      <c r="J109" s="1345"/>
      <c r="V109" s="1345"/>
      <c r="W109" s="1336"/>
      <c r="X109" s="1336"/>
      <c r="Y109" s="1336"/>
      <c r="Z109" s="1336"/>
    </row>
    <row r="110" spans="2:30" x14ac:dyDescent="0.15">
      <c r="B110" s="1336"/>
      <c r="C110" s="1336"/>
      <c r="D110" s="1336"/>
      <c r="E110" s="1336"/>
      <c r="F110" s="1336"/>
      <c r="G110" s="1336"/>
      <c r="H110" s="1336"/>
      <c r="I110" s="1345"/>
      <c r="J110" s="1345"/>
      <c r="K110" s="1345"/>
      <c r="V110" s="1345"/>
      <c r="W110" s="1336"/>
      <c r="X110" s="1336"/>
      <c r="Y110" s="1336"/>
      <c r="Z110" s="1336"/>
    </row>
    <row r="111" spans="2:30" x14ac:dyDescent="0.15">
      <c r="D111" s="1345"/>
      <c r="E111" s="1345"/>
      <c r="F111" s="1345"/>
      <c r="G111" s="1345"/>
      <c r="H111" s="1345"/>
      <c r="I111" s="1345"/>
      <c r="J111" s="1336"/>
      <c r="K111" s="1345"/>
      <c r="V111" s="1345"/>
    </row>
    <row r="112" spans="2:30" x14ac:dyDescent="0.15">
      <c r="B112" s="1336"/>
      <c r="C112" s="1336"/>
      <c r="D112" s="1336"/>
      <c r="E112" s="1336"/>
      <c r="F112" s="1336"/>
      <c r="G112" s="1336"/>
      <c r="H112" s="1336"/>
      <c r="I112" s="1345"/>
      <c r="J112" s="1336"/>
      <c r="K112" s="1345"/>
      <c r="V112" s="1345"/>
      <c r="W112" s="1336"/>
      <c r="X112" s="1336"/>
      <c r="Y112" s="1336"/>
      <c r="Z112" s="1336"/>
      <c r="AA112" s="1345"/>
      <c r="AD112" s="1345"/>
    </row>
    <row r="113" spans="2:30" x14ac:dyDescent="0.15">
      <c r="C113" s="1345"/>
      <c r="D113" s="1345"/>
      <c r="E113" s="1345"/>
      <c r="F113" s="1336"/>
      <c r="G113" s="1345"/>
      <c r="V113" s="1345"/>
      <c r="W113" s="1336"/>
      <c r="X113" s="1336"/>
      <c r="Y113" s="1336"/>
      <c r="Z113" s="1336"/>
      <c r="AD113" s="1345"/>
    </row>
    <row r="114" spans="2:30" x14ac:dyDescent="0.15">
      <c r="B114" s="1336"/>
      <c r="C114" s="1336"/>
      <c r="D114" s="1336"/>
      <c r="E114" s="1336"/>
      <c r="F114" s="1336"/>
      <c r="G114" s="1336"/>
      <c r="H114" s="1336"/>
      <c r="I114" s="1336"/>
      <c r="J114" s="1345"/>
      <c r="W114" s="1336"/>
      <c r="X114" s="1336"/>
      <c r="Y114" s="1336"/>
      <c r="Z114" s="1336"/>
      <c r="AA114" s="1345"/>
    </row>
    <row r="115" spans="2:30" x14ac:dyDescent="0.15">
      <c r="B115" s="1336"/>
      <c r="W115" s="1336"/>
      <c r="X115" s="1336"/>
      <c r="Y115" s="1336"/>
      <c r="Z115" s="1336"/>
      <c r="AA115" s="1345"/>
      <c r="AD115" s="1345"/>
    </row>
    <row r="116" spans="2:30" x14ac:dyDescent="0.15">
      <c r="D116" s="1336"/>
      <c r="E116" s="1336"/>
      <c r="F116" s="1345"/>
      <c r="V116" s="1336"/>
      <c r="W116" s="1336"/>
      <c r="X116" s="1336"/>
      <c r="Z116" s="1336"/>
      <c r="AB116" s="1345"/>
      <c r="AD116" s="1345"/>
    </row>
    <row r="117" spans="2:30" x14ac:dyDescent="0.15">
      <c r="E117" s="1345"/>
      <c r="W117" s="1336"/>
      <c r="X117" s="1336"/>
      <c r="Y117" s="1336"/>
      <c r="Z117" s="1336"/>
      <c r="AA117" s="1345"/>
    </row>
    <row r="118" spans="2:30" x14ac:dyDescent="0.15">
      <c r="B118" s="1336"/>
      <c r="C118" s="1345"/>
      <c r="E118" s="1345"/>
      <c r="V118" s="1336"/>
      <c r="X118" s="1345"/>
    </row>
    <row r="119" spans="2:30" x14ac:dyDescent="0.15">
      <c r="C119" s="1345"/>
      <c r="D119" s="1345"/>
      <c r="V119" s="1336"/>
      <c r="W119" s="1336"/>
      <c r="X119" s="1336"/>
      <c r="Z119" s="1336"/>
      <c r="AB119" s="1345"/>
    </row>
    <row r="120" spans="2:30" x14ac:dyDescent="0.15">
      <c r="B120" s="1336"/>
      <c r="C120" s="1336"/>
    </row>
    <row r="121" spans="2:30" x14ac:dyDescent="0.15">
      <c r="C121" s="1336"/>
      <c r="E121" s="1345"/>
      <c r="V121" s="1336"/>
      <c r="X121" s="1345"/>
    </row>
    <row r="122" spans="2:30" x14ac:dyDescent="0.15">
      <c r="B122" s="1336"/>
      <c r="C122" s="1345"/>
      <c r="D122" s="1345"/>
      <c r="E122" s="1345"/>
      <c r="I122" s="1345"/>
      <c r="J122" s="1345"/>
    </row>
    <row r="123" spans="2:30" x14ac:dyDescent="0.15">
      <c r="B123" s="1336"/>
      <c r="C123" s="1336"/>
      <c r="D123" s="1336"/>
      <c r="E123" s="1336"/>
      <c r="G123" s="1345"/>
      <c r="H123" s="1336"/>
      <c r="I123" s="1336"/>
      <c r="J123" s="1345"/>
    </row>
    <row r="124" spans="2:30" x14ac:dyDescent="0.15">
      <c r="B124" s="1336"/>
      <c r="C124" s="1336"/>
      <c r="D124" s="1336"/>
      <c r="E124" s="1336"/>
      <c r="H124" s="1336"/>
      <c r="I124" s="1336"/>
    </row>
    <row r="125" spans="2:30" x14ac:dyDescent="0.15">
      <c r="B125" s="1336"/>
      <c r="C125" s="1336"/>
      <c r="D125" s="1345"/>
      <c r="E125" s="1345"/>
      <c r="H125" s="1336"/>
      <c r="I125" s="1336"/>
      <c r="V125" s="1336"/>
      <c r="W125" s="1336"/>
      <c r="Z125" s="1336"/>
      <c r="AA125" s="1336"/>
    </row>
    <row r="126" spans="2:30" x14ac:dyDescent="0.15">
      <c r="C126" s="1336"/>
      <c r="D126" s="1336"/>
      <c r="E126" s="1336"/>
      <c r="H126" s="1345"/>
      <c r="I126" s="1345"/>
      <c r="Z126" s="1336"/>
      <c r="AA126" s="1336"/>
    </row>
    <row r="127" spans="2:30" x14ac:dyDescent="0.15">
      <c r="B127" s="1336"/>
      <c r="C127" s="1336"/>
      <c r="D127" s="1336"/>
      <c r="E127" s="1336"/>
      <c r="H127" s="1336"/>
      <c r="I127" s="1336"/>
      <c r="V127" s="1345"/>
      <c r="W127" s="1345"/>
      <c r="Z127" s="1336"/>
      <c r="AA127" s="1336"/>
    </row>
    <row r="128" spans="2:30" x14ac:dyDescent="0.15">
      <c r="B128" s="1336"/>
      <c r="D128" s="1336"/>
      <c r="E128" s="1336"/>
      <c r="H128" s="1336"/>
      <c r="I128" s="1336"/>
      <c r="J128" s="1345"/>
      <c r="V128" s="1336"/>
      <c r="W128" s="1336"/>
      <c r="Z128" s="1336"/>
      <c r="AA128" s="1336"/>
    </row>
    <row r="129" spans="2:27" x14ac:dyDescent="0.15">
      <c r="B129" s="1336"/>
      <c r="D129" s="1336"/>
      <c r="E129" s="1336"/>
      <c r="G129" s="1345"/>
      <c r="H129" s="1336"/>
      <c r="I129" s="1336"/>
      <c r="J129" s="1345"/>
      <c r="V129" s="1336"/>
      <c r="W129" s="1336"/>
      <c r="Z129" s="1336"/>
      <c r="AA129" s="1336"/>
    </row>
    <row r="130" spans="2:27" x14ac:dyDescent="0.15">
      <c r="B130" s="1336"/>
      <c r="C130" s="1345"/>
      <c r="D130" s="1336"/>
      <c r="E130" s="1336"/>
      <c r="H130" s="1336"/>
      <c r="I130" s="1336"/>
      <c r="V130" s="1345"/>
      <c r="W130" s="1345"/>
      <c r="Z130" s="1336"/>
      <c r="AA130" s="1336"/>
    </row>
    <row r="131" spans="2:27" x14ac:dyDescent="0.15">
      <c r="C131" s="1336"/>
      <c r="D131" s="1336"/>
      <c r="E131" s="1336"/>
      <c r="H131" s="1336"/>
      <c r="I131" s="1336"/>
      <c r="J131" s="1345"/>
      <c r="V131" s="1336"/>
      <c r="W131" s="1336"/>
      <c r="Z131" s="1345"/>
      <c r="AA131" s="1345"/>
    </row>
    <row r="132" spans="2:27" x14ac:dyDescent="0.15">
      <c r="C132" s="1336"/>
      <c r="D132" s="1336"/>
      <c r="E132" s="1336"/>
      <c r="G132" s="1345"/>
      <c r="H132" s="1345"/>
      <c r="I132" s="1345"/>
      <c r="J132" s="1345"/>
      <c r="V132" s="1336"/>
      <c r="W132" s="1336"/>
      <c r="Z132" s="1336"/>
      <c r="AA132" s="1336"/>
    </row>
    <row r="133" spans="2:27" x14ac:dyDescent="0.15">
      <c r="D133" s="1345"/>
      <c r="E133" s="1345"/>
      <c r="H133" s="1336"/>
      <c r="I133" s="1336"/>
      <c r="J133" s="1345"/>
      <c r="Z133" s="1336"/>
      <c r="AA133" s="1336"/>
    </row>
    <row r="134" spans="2:27" x14ac:dyDescent="0.15">
      <c r="C134" s="1336"/>
      <c r="D134" s="1336"/>
      <c r="E134" s="1336"/>
      <c r="G134" s="1345"/>
      <c r="H134" s="1336"/>
      <c r="I134" s="1336"/>
      <c r="J134" s="1345"/>
      <c r="Z134" s="1336"/>
      <c r="AA134" s="1336"/>
    </row>
    <row r="135" spans="2:27" x14ac:dyDescent="0.15">
      <c r="C135" s="1336"/>
      <c r="D135" s="1336"/>
      <c r="E135" s="1336"/>
      <c r="H135" s="1345"/>
      <c r="I135" s="1345"/>
      <c r="V135" s="1336"/>
      <c r="W135" s="1336"/>
    </row>
    <row r="136" spans="2:27" x14ac:dyDescent="0.15">
      <c r="C136" s="1336"/>
      <c r="D136" s="1336"/>
      <c r="E136" s="1336"/>
      <c r="H136" s="1336"/>
      <c r="I136" s="1336"/>
      <c r="J136" s="1345"/>
      <c r="Z136" s="1336"/>
      <c r="AA136" s="1336"/>
    </row>
    <row r="137" spans="2:27" x14ac:dyDescent="0.15">
      <c r="D137" s="1336"/>
      <c r="E137" s="1336"/>
      <c r="G137" s="1345"/>
      <c r="H137" s="1345"/>
      <c r="I137" s="1345"/>
      <c r="J137" s="1345"/>
      <c r="V137" s="1336"/>
      <c r="W137" s="1336"/>
      <c r="Z137" s="1345"/>
      <c r="AA137" s="1345"/>
    </row>
    <row r="138" spans="2:27" x14ac:dyDescent="0.15">
      <c r="D138" s="1336"/>
      <c r="E138" s="1336"/>
      <c r="H138" s="1336"/>
      <c r="I138" s="1336"/>
      <c r="V138" s="1345"/>
      <c r="W138" s="1345"/>
      <c r="Z138" s="1336"/>
      <c r="AA138" s="1336"/>
    </row>
    <row r="139" spans="2:27" x14ac:dyDescent="0.15">
      <c r="C139" s="1336"/>
      <c r="D139" s="1336"/>
      <c r="E139" s="1336"/>
      <c r="H139" s="1336"/>
      <c r="I139" s="1336"/>
      <c r="Z139" s="1345"/>
      <c r="AA139" s="1345"/>
    </row>
    <row r="140" spans="2:27" x14ac:dyDescent="0.15">
      <c r="C140" s="1336"/>
      <c r="D140" s="1336"/>
      <c r="E140" s="1336"/>
      <c r="F140" s="1345"/>
      <c r="H140" s="1345"/>
      <c r="I140" s="1345"/>
      <c r="V140" s="1336"/>
      <c r="W140" s="1336"/>
      <c r="Z140" s="1345"/>
      <c r="AA140" s="1345"/>
    </row>
    <row r="141" spans="2:27" x14ac:dyDescent="0.15">
      <c r="C141" s="1345"/>
      <c r="D141" s="1336"/>
      <c r="E141" s="1336"/>
      <c r="F141" s="1345"/>
      <c r="H141" s="1336"/>
      <c r="I141" s="1336"/>
      <c r="Z141" s="1336"/>
      <c r="AA141" s="1336"/>
    </row>
    <row r="142" spans="2:27" x14ac:dyDescent="0.15">
      <c r="D142" s="1336"/>
      <c r="E142" s="1336"/>
      <c r="F142" s="1345"/>
      <c r="H142" s="1336"/>
      <c r="I142" s="1336"/>
      <c r="Z142" s="1345"/>
      <c r="AA142" s="1345"/>
    </row>
    <row r="143" spans="2:27" x14ac:dyDescent="0.15">
      <c r="D143" s="1336"/>
      <c r="E143" s="1336"/>
      <c r="H143" s="1336"/>
      <c r="I143" s="1336"/>
      <c r="Z143" s="1336"/>
      <c r="AA143" s="1336"/>
    </row>
    <row r="144" spans="2:27" x14ac:dyDescent="0.15">
      <c r="D144" s="1345"/>
      <c r="E144" s="1345"/>
      <c r="H144" s="1336"/>
      <c r="I144" s="1336"/>
      <c r="V144" s="1336"/>
      <c r="W144" s="1336"/>
      <c r="Z144" s="1336"/>
      <c r="AA144" s="1336"/>
    </row>
    <row r="145" spans="2:27" x14ac:dyDescent="0.15">
      <c r="H145" s="1336"/>
      <c r="I145" s="1336"/>
      <c r="J145" s="1345"/>
      <c r="V145" s="1336"/>
      <c r="W145" s="1336"/>
      <c r="Z145" s="1345"/>
      <c r="AA145" s="1345"/>
    </row>
    <row r="146" spans="2:27" x14ac:dyDescent="0.15">
      <c r="E146" s="1336"/>
      <c r="G146" s="1345"/>
      <c r="H146" s="1336"/>
      <c r="I146" s="1336"/>
      <c r="J146" s="1336"/>
      <c r="V146" s="1345"/>
      <c r="W146" s="1345"/>
    </row>
    <row r="147" spans="2:27" x14ac:dyDescent="0.15">
      <c r="E147" s="1336"/>
      <c r="H147" s="1336"/>
      <c r="J147" s="1336"/>
      <c r="V147" s="1336"/>
      <c r="W147" s="1336"/>
      <c r="Z147" s="1336"/>
      <c r="AA147" s="1336"/>
    </row>
    <row r="148" spans="2:27" x14ac:dyDescent="0.15">
      <c r="E148" s="1336"/>
      <c r="H148" s="1345"/>
      <c r="I148" s="1345"/>
      <c r="V148" s="1336"/>
      <c r="W148" s="1336"/>
    </row>
    <row r="149" spans="2:27" x14ac:dyDescent="0.15">
      <c r="B149" s="1336"/>
      <c r="J149" s="1345"/>
      <c r="V149" s="1345"/>
      <c r="W149" s="1345"/>
      <c r="Z149" s="1336"/>
    </row>
    <row r="150" spans="2:27" x14ac:dyDescent="0.15">
      <c r="C150" s="1345"/>
      <c r="E150" s="1345"/>
      <c r="H150" s="1345"/>
      <c r="J150" s="1345"/>
      <c r="Z150" s="1336"/>
      <c r="AA150" s="1336"/>
    </row>
    <row r="151" spans="2:27" x14ac:dyDescent="0.15">
      <c r="C151" s="1345"/>
      <c r="E151" s="1345"/>
      <c r="H151" s="1345"/>
      <c r="J151" s="1345"/>
      <c r="W151" s="1345"/>
    </row>
    <row r="152" spans="2:27" x14ac:dyDescent="0.15">
      <c r="C152" s="1345"/>
      <c r="D152" s="1345"/>
      <c r="E152" s="1336"/>
      <c r="F152" s="1336"/>
      <c r="G152" s="1336"/>
      <c r="H152" s="1336"/>
      <c r="I152" s="1345"/>
      <c r="J152" s="1345"/>
      <c r="Z152" s="1336"/>
    </row>
    <row r="153" spans="2:27" x14ac:dyDescent="0.15">
      <c r="D153" s="1345"/>
      <c r="E153" s="1336"/>
      <c r="F153" s="1336"/>
      <c r="G153" s="1336"/>
      <c r="H153" s="1336"/>
      <c r="I153" s="1345"/>
      <c r="Z153" s="1345"/>
      <c r="AA153" s="1345"/>
    </row>
    <row r="154" spans="2:27" x14ac:dyDescent="0.15">
      <c r="B154" s="1336"/>
      <c r="D154" s="1345"/>
      <c r="E154" s="1336"/>
      <c r="F154" s="1336"/>
      <c r="G154" s="1336"/>
      <c r="H154" s="1336"/>
      <c r="I154" s="1345"/>
      <c r="V154" s="1345"/>
      <c r="W154" s="1336"/>
      <c r="AA154" s="1345"/>
    </row>
    <row r="155" spans="2:27" x14ac:dyDescent="0.15">
      <c r="V155" s="1345"/>
    </row>
    <row r="156" spans="2:27" x14ac:dyDescent="0.15">
      <c r="B156" s="1336"/>
      <c r="V156" s="1345"/>
      <c r="W156" s="1345"/>
      <c r="X156" s="1345"/>
      <c r="Y156" s="1345"/>
      <c r="Z156" s="1345"/>
      <c r="AA156" s="1345"/>
    </row>
    <row r="157" spans="2:27" x14ac:dyDescent="0.15">
      <c r="V157" s="1345"/>
      <c r="W157" s="1336"/>
      <c r="AA157" s="1345"/>
    </row>
    <row r="158" spans="2:27" x14ac:dyDescent="0.15">
      <c r="B158" s="1336"/>
      <c r="E158" s="1336"/>
      <c r="F158" s="1336"/>
      <c r="G158" s="1336"/>
      <c r="H158" s="1336"/>
      <c r="V158" s="1345"/>
    </row>
    <row r="159" spans="2:27" x14ac:dyDescent="0.15">
      <c r="E159" s="1336"/>
      <c r="F159" s="1336"/>
      <c r="G159" s="1336"/>
      <c r="H159" s="1336"/>
      <c r="V159" s="1345"/>
      <c r="W159" s="1345"/>
      <c r="X159" s="1345"/>
      <c r="Y159" s="1345"/>
      <c r="Z159" s="1345"/>
      <c r="AA159" s="1345"/>
    </row>
    <row r="160" spans="2:27" x14ac:dyDescent="0.15">
      <c r="E160" s="1336"/>
      <c r="F160" s="1336"/>
      <c r="G160" s="1336"/>
      <c r="H160" s="1336"/>
      <c r="W160" s="1336"/>
      <c r="X160" s="1336"/>
    </row>
    <row r="161" spans="2:27" x14ac:dyDescent="0.15">
      <c r="E161" s="1336"/>
      <c r="F161" s="1336"/>
      <c r="G161" s="1336"/>
      <c r="H161" s="1336"/>
      <c r="W161" s="1336"/>
      <c r="X161" s="1336"/>
    </row>
    <row r="162" spans="2:27" x14ac:dyDescent="0.15">
      <c r="B162" s="1336"/>
      <c r="E162" s="1336"/>
      <c r="F162" s="1336"/>
      <c r="G162" s="1336"/>
      <c r="H162" s="1336"/>
      <c r="W162" s="1336"/>
      <c r="X162" s="1336"/>
    </row>
    <row r="163" spans="2:27" x14ac:dyDescent="0.15">
      <c r="E163" s="1336"/>
      <c r="F163" s="1336"/>
      <c r="G163" s="1336"/>
      <c r="H163" s="1336"/>
      <c r="W163" s="1336"/>
      <c r="X163" s="1336"/>
    </row>
    <row r="164" spans="2:27" x14ac:dyDescent="0.15">
      <c r="E164" s="1336"/>
      <c r="H164" s="1336"/>
      <c r="W164" s="1336"/>
      <c r="X164" s="1336"/>
    </row>
    <row r="165" spans="2:27" x14ac:dyDescent="0.15">
      <c r="B165" s="1336"/>
      <c r="W165" s="1336"/>
      <c r="X165" s="1336"/>
    </row>
    <row r="166" spans="2:27" x14ac:dyDescent="0.15">
      <c r="B166" s="1336"/>
      <c r="W166" s="1336"/>
      <c r="X166" s="1336"/>
    </row>
    <row r="167" spans="2:27" x14ac:dyDescent="0.15">
      <c r="W167" s="1336"/>
    </row>
    <row r="168" spans="2:27" x14ac:dyDescent="0.15">
      <c r="B168" s="1336"/>
      <c r="W168" s="1336"/>
    </row>
    <row r="169" spans="2:27" x14ac:dyDescent="0.15">
      <c r="W169" s="1336"/>
    </row>
    <row r="170" spans="2:27" x14ac:dyDescent="0.15">
      <c r="B170" s="1336"/>
    </row>
    <row r="171" spans="2:27" x14ac:dyDescent="0.15">
      <c r="B171" s="1336"/>
      <c r="D171" s="1336"/>
      <c r="F171" s="1336"/>
      <c r="G171" s="1336"/>
      <c r="H171" s="1336"/>
      <c r="I171" s="1336"/>
    </row>
    <row r="172" spans="2:27" x14ac:dyDescent="0.15">
      <c r="D172" s="1336"/>
      <c r="F172" s="1336"/>
      <c r="G172" s="1336"/>
      <c r="H172" s="1336"/>
      <c r="I172" s="1336"/>
    </row>
    <row r="173" spans="2:27" x14ac:dyDescent="0.15">
      <c r="B173" s="1336"/>
      <c r="D173" s="1336"/>
      <c r="F173" s="1336"/>
      <c r="G173" s="1336"/>
      <c r="H173" s="1336"/>
      <c r="I173" s="1336"/>
      <c r="V173" s="1336"/>
      <c r="X173" s="1336"/>
      <c r="Y173" s="1336"/>
      <c r="Z173" s="1336"/>
      <c r="AA173" s="1336"/>
    </row>
    <row r="174" spans="2:27" x14ac:dyDescent="0.15">
      <c r="B174" s="1336"/>
      <c r="D174" s="1336"/>
      <c r="V174" s="1336"/>
      <c r="X174" s="1336"/>
      <c r="Y174" s="1336"/>
    </row>
    <row r="175" spans="2:27" x14ac:dyDescent="0.15">
      <c r="B175" s="1336"/>
      <c r="D175" s="1336"/>
      <c r="F175" s="1336"/>
      <c r="G175" s="1336"/>
      <c r="H175" s="1336"/>
      <c r="I175" s="1336"/>
      <c r="V175" s="1336"/>
      <c r="X175" s="1336"/>
      <c r="Y175" s="1336"/>
    </row>
    <row r="176" spans="2:27" x14ac:dyDescent="0.15">
      <c r="V176" s="1336"/>
      <c r="X176" s="1336"/>
      <c r="Y176" s="1336"/>
      <c r="Z176" s="1336"/>
      <c r="AA176" s="1336"/>
    </row>
    <row r="177" spans="2:27" x14ac:dyDescent="0.15">
      <c r="B177" s="1336"/>
      <c r="V177" s="1336"/>
      <c r="X177" s="1336"/>
      <c r="Y177" s="1336"/>
    </row>
    <row r="178" spans="2:27" x14ac:dyDescent="0.15">
      <c r="B178" s="1336"/>
      <c r="V178" s="1336"/>
      <c r="X178" s="1336"/>
      <c r="Y178" s="1336"/>
    </row>
    <row r="180" spans="2:27" x14ac:dyDescent="0.15">
      <c r="D180" s="1336"/>
      <c r="E180" s="1336"/>
      <c r="F180" s="1336"/>
      <c r="G180" s="1336"/>
      <c r="H180" s="1336"/>
    </row>
    <row r="181" spans="2:27" x14ac:dyDescent="0.15">
      <c r="D181" s="1336"/>
      <c r="E181" s="1336"/>
      <c r="F181" s="1336"/>
      <c r="G181" s="1336"/>
      <c r="H181" s="1336"/>
    </row>
    <row r="182" spans="2:27" x14ac:dyDescent="0.15">
      <c r="B182" s="1336"/>
      <c r="D182" s="1336"/>
      <c r="E182" s="1336"/>
      <c r="F182" s="1336"/>
      <c r="G182" s="1336"/>
      <c r="H182" s="1336"/>
      <c r="W182" s="1336"/>
      <c r="X182" s="1336"/>
      <c r="Y182" s="1336"/>
      <c r="Z182" s="1336"/>
    </row>
    <row r="183" spans="2:27" x14ac:dyDescent="0.15">
      <c r="D183" s="1336"/>
      <c r="E183" s="1336"/>
      <c r="F183" s="1336"/>
      <c r="H183" s="1336"/>
      <c r="W183" s="1336"/>
      <c r="X183" s="1336"/>
      <c r="Y183" s="1336"/>
      <c r="Z183" s="1336"/>
    </row>
    <row r="184" spans="2:27" x14ac:dyDescent="0.15">
      <c r="D184" s="1336"/>
      <c r="E184" s="1336"/>
      <c r="F184" s="1336"/>
      <c r="H184" s="1336"/>
      <c r="W184" s="1336"/>
      <c r="X184" s="1336"/>
      <c r="Y184" s="1336"/>
      <c r="Z184" s="1336"/>
    </row>
    <row r="185" spans="2:27" x14ac:dyDescent="0.15">
      <c r="D185" s="1336"/>
      <c r="E185" s="1336"/>
      <c r="F185" s="1336"/>
      <c r="H185" s="1336"/>
      <c r="W185" s="1336"/>
      <c r="X185" s="1336"/>
      <c r="Y185" s="1336"/>
      <c r="Z185" s="1336"/>
    </row>
    <row r="186" spans="2:27" x14ac:dyDescent="0.15">
      <c r="B186" s="1336"/>
      <c r="W186" s="1336"/>
      <c r="X186" s="1336"/>
      <c r="Y186" s="1336"/>
      <c r="Z186" s="1336"/>
    </row>
    <row r="187" spans="2:27" x14ac:dyDescent="0.15">
      <c r="B187" s="1336"/>
      <c r="W187" s="1336"/>
      <c r="X187" s="1336"/>
      <c r="Y187" s="1336"/>
      <c r="Z187" s="1336"/>
    </row>
    <row r="189" spans="2:27" x14ac:dyDescent="0.15">
      <c r="B189" s="1336"/>
      <c r="D189" s="1336"/>
      <c r="E189" s="1336"/>
      <c r="F189" s="1336"/>
      <c r="G189" s="1336"/>
    </row>
    <row r="190" spans="2:27" x14ac:dyDescent="0.15">
      <c r="B190" s="1336"/>
      <c r="D190" s="1336"/>
      <c r="E190" s="1336"/>
      <c r="F190" s="1336"/>
      <c r="G190" s="1336"/>
    </row>
    <row r="191" spans="2:27" x14ac:dyDescent="0.15">
      <c r="V191" s="1336"/>
      <c r="W191" s="1336"/>
      <c r="Y191" s="1336"/>
      <c r="AA191" s="1336"/>
    </row>
    <row r="192" spans="2:27" x14ac:dyDescent="0.15">
      <c r="V192" s="1336"/>
      <c r="W192" s="1336"/>
      <c r="Y192" s="1336"/>
    </row>
    <row r="193" spans="2:25" x14ac:dyDescent="0.15">
      <c r="B193" s="1336"/>
    </row>
    <row r="194" spans="2:25" x14ac:dyDescent="0.15">
      <c r="D194" s="1336"/>
      <c r="E194" s="1336"/>
      <c r="F194" s="1336"/>
      <c r="V194" s="1336"/>
      <c r="W194" s="1336"/>
      <c r="Y194" s="1336"/>
    </row>
    <row r="195" spans="2:25" x14ac:dyDescent="0.15">
      <c r="D195" s="1336"/>
      <c r="E195" s="1336"/>
      <c r="F195" s="1336"/>
      <c r="V195" s="1336"/>
      <c r="W195" s="1336"/>
      <c r="Y195" s="1336"/>
    </row>
    <row r="196" spans="2:25" x14ac:dyDescent="0.15">
      <c r="B196" s="1336"/>
      <c r="D196" s="1336"/>
      <c r="E196" s="1336"/>
      <c r="F196" s="1336"/>
      <c r="H196" s="1336"/>
      <c r="I196" s="1336"/>
      <c r="V196" s="1336"/>
      <c r="W196" s="1336"/>
      <c r="X196" s="1336"/>
    </row>
    <row r="197" spans="2:25" x14ac:dyDescent="0.15">
      <c r="C197" s="1336"/>
      <c r="G197" s="1336"/>
      <c r="H197" s="1336"/>
      <c r="I197" s="1336"/>
      <c r="V197" s="1336"/>
      <c r="W197" s="1336"/>
      <c r="X197" s="1336"/>
    </row>
    <row r="198" spans="2:25" x14ac:dyDescent="0.15">
      <c r="B198" s="1336"/>
      <c r="C198" s="1336"/>
      <c r="D198" s="1336"/>
      <c r="E198" s="1336"/>
      <c r="F198" s="1336"/>
      <c r="G198" s="1336"/>
      <c r="H198" s="1336"/>
      <c r="S198" s="1345"/>
      <c r="V198" s="1336"/>
      <c r="W198" s="1336"/>
      <c r="X198" s="1336"/>
    </row>
    <row r="199" spans="2:25" x14ac:dyDescent="0.15">
      <c r="C199" s="1336"/>
      <c r="V199" s="1336"/>
      <c r="W199" s="1336"/>
      <c r="X199" s="1336"/>
    </row>
    <row r="200" spans="2:25" x14ac:dyDescent="0.15">
      <c r="B200" s="1336"/>
      <c r="V200" s="1336"/>
      <c r="W200" s="1336"/>
      <c r="X200" s="1336"/>
    </row>
    <row r="201" spans="2:25" x14ac:dyDescent="0.15">
      <c r="V201" s="1336"/>
      <c r="W201" s="1336"/>
      <c r="X201" s="1336"/>
    </row>
    <row r="202" spans="2:25" x14ac:dyDescent="0.15">
      <c r="B202" s="1336"/>
    </row>
    <row r="203" spans="2:25" x14ac:dyDescent="0.15">
      <c r="B203" s="1336"/>
      <c r="V203" s="1336"/>
      <c r="W203" s="1336"/>
      <c r="X203" s="1336"/>
    </row>
    <row r="205" spans="2:25" x14ac:dyDescent="0.15">
      <c r="B205" s="1336"/>
      <c r="D205" s="1336"/>
      <c r="F205" s="1336"/>
      <c r="G205" s="1336"/>
      <c r="H205" s="1336"/>
    </row>
    <row r="206" spans="2:25" x14ac:dyDescent="0.15">
      <c r="B206" s="1336"/>
      <c r="C206" s="1336"/>
      <c r="D206" s="1336"/>
      <c r="F206" s="1336"/>
      <c r="G206" s="1336"/>
      <c r="H206" s="1336"/>
    </row>
    <row r="207" spans="2:25" x14ac:dyDescent="0.15">
      <c r="C207" s="1336"/>
      <c r="D207" s="1336"/>
      <c r="F207" s="1336"/>
      <c r="G207" s="1336"/>
      <c r="H207" s="1336"/>
      <c r="V207" s="1336"/>
      <c r="X207" s="1336"/>
      <c r="Y207" s="1336"/>
    </row>
    <row r="208" spans="2:25" x14ac:dyDescent="0.15">
      <c r="B208" s="1336"/>
      <c r="C208" s="1336"/>
      <c r="V208" s="1336"/>
      <c r="X208" s="1336"/>
      <c r="Y208" s="1336"/>
    </row>
    <row r="209" spans="2:26" x14ac:dyDescent="0.15">
      <c r="B209" s="1336"/>
      <c r="V209" s="1336"/>
      <c r="X209" s="1336"/>
      <c r="Y209" s="1336"/>
    </row>
    <row r="210" spans="2:26" x14ac:dyDescent="0.15">
      <c r="C210" s="1336"/>
      <c r="E210" s="1336"/>
      <c r="H210" s="1336"/>
      <c r="V210" s="1336"/>
      <c r="X210" s="1336"/>
      <c r="Y210" s="1336"/>
    </row>
    <row r="211" spans="2:26" x14ac:dyDescent="0.15">
      <c r="B211" s="1336"/>
      <c r="C211" s="1336"/>
      <c r="E211" s="1336"/>
      <c r="H211" s="1336"/>
      <c r="V211" s="1336"/>
      <c r="X211" s="1336"/>
      <c r="Y211" s="1336"/>
    </row>
    <row r="212" spans="2:26" x14ac:dyDescent="0.15">
      <c r="C212" s="1336"/>
      <c r="V212" s="1336"/>
      <c r="X212" s="1336"/>
      <c r="Y212" s="1336"/>
      <c r="Z212" s="1336"/>
    </row>
    <row r="213" spans="2:26" x14ac:dyDescent="0.15">
      <c r="B213" s="1336"/>
    </row>
    <row r="215" spans="2:26" x14ac:dyDescent="0.15">
      <c r="B215" s="1336"/>
      <c r="D215" s="1336"/>
      <c r="E215" s="1336"/>
      <c r="F215" s="1336"/>
      <c r="Z215" s="1336"/>
    </row>
    <row r="216" spans="2:26" x14ac:dyDescent="0.15">
      <c r="D216" s="1336"/>
      <c r="E216" s="1336"/>
      <c r="F216" s="1336"/>
      <c r="Z216" s="1336"/>
    </row>
    <row r="217" spans="2:26" x14ac:dyDescent="0.15">
      <c r="D217" s="1336"/>
      <c r="E217" s="1336"/>
      <c r="F217" s="1336"/>
      <c r="V217" s="1336"/>
      <c r="W217" s="1336"/>
      <c r="X217" s="1336"/>
    </row>
    <row r="218" spans="2:26" x14ac:dyDescent="0.15">
      <c r="B218" s="1336"/>
      <c r="I218" s="1336"/>
      <c r="V218" s="1336"/>
      <c r="W218" s="1336"/>
      <c r="X218" s="1336"/>
    </row>
    <row r="219" spans="2:26" x14ac:dyDescent="0.15">
      <c r="C219" s="1336"/>
      <c r="D219" s="1336"/>
      <c r="E219" s="1336"/>
      <c r="F219" s="1336"/>
      <c r="I219" s="1336"/>
      <c r="V219" s="1336"/>
      <c r="W219" s="1336"/>
      <c r="X219" s="1336"/>
    </row>
    <row r="220" spans="2:26" x14ac:dyDescent="0.15">
      <c r="B220" s="1336"/>
      <c r="C220" s="1336"/>
      <c r="D220" s="1336"/>
      <c r="E220" s="1336"/>
      <c r="F220" s="1336"/>
      <c r="I220" s="1336"/>
      <c r="V220" s="1336"/>
      <c r="W220" s="1336"/>
      <c r="X220" s="1336"/>
    </row>
    <row r="221" spans="2:26" x14ac:dyDescent="0.15">
      <c r="C221" s="1336"/>
      <c r="D221" s="1336"/>
      <c r="E221" s="1336"/>
      <c r="F221" s="1336"/>
      <c r="G221" s="1336"/>
      <c r="I221" s="1336"/>
      <c r="V221" s="1336"/>
      <c r="W221" s="1336"/>
      <c r="X221" s="1336"/>
    </row>
    <row r="222" spans="2:26" x14ac:dyDescent="0.15">
      <c r="C222" s="1336"/>
      <c r="G222" s="1336"/>
      <c r="V222" s="1336"/>
      <c r="W222" s="1336"/>
      <c r="X222" s="1336"/>
    </row>
    <row r="224" spans="2:26" x14ac:dyDescent="0.15">
      <c r="V224" s="1336"/>
      <c r="W224" s="1336"/>
      <c r="X224" s="1336"/>
    </row>
    <row r="225" spans="2:10" x14ac:dyDescent="0.15">
      <c r="B225" s="1336"/>
    </row>
    <row r="229" spans="2:10" x14ac:dyDescent="0.15">
      <c r="E229" s="1336"/>
      <c r="F229" s="1336"/>
      <c r="G229" s="1336"/>
      <c r="H229" s="1336"/>
    </row>
    <row r="230" spans="2:10" x14ac:dyDescent="0.15">
      <c r="E230" s="1336"/>
      <c r="F230" s="1336"/>
      <c r="G230" s="1336"/>
      <c r="H230" s="1336"/>
    </row>
    <row r="231" spans="2:10" x14ac:dyDescent="0.15">
      <c r="E231" s="1336"/>
      <c r="F231" s="1336"/>
      <c r="G231" s="1336"/>
      <c r="H231" s="1336"/>
    </row>
    <row r="232" spans="2:10" x14ac:dyDescent="0.15">
      <c r="E232" s="1336"/>
      <c r="F232" s="1336"/>
      <c r="G232" s="1336"/>
      <c r="H232" s="1336"/>
    </row>
    <row r="234" spans="2:10" x14ac:dyDescent="0.15">
      <c r="B234" s="1336"/>
    </row>
    <row r="236" spans="2:10" x14ac:dyDescent="0.15">
      <c r="B236" s="1336"/>
      <c r="J236" s="1345"/>
    </row>
    <row r="237" spans="2:10" x14ac:dyDescent="0.15">
      <c r="C237" s="1345"/>
      <c r="E237" s="1345"/>
      <c r="H237" s="1345"/>
      <c r="J237" s="1345"/>
    </row>
    <row r="238" spans="2:10" x14ac:dyDescent="0.15">
      <c r="C238" s="1345"/>
      <c r="D238" s="1336"/>
      <c r="E238" s="1336"/>
      <c r="F238" s="1345"/>
      <c r="G238" s="1345"/>
      <c r="H238" s="1336"/>
      <c r="I238" s="1336"/>
      <c r="J238" s="1345"/>
    </row>
    <row r="239" spans="2:10" x14ac:dyDescent="0.15">
      <c r="C239" s="1345"/>
      <c r="D239" s="1336"/>
      <c r="E239" s="1336"/>
      <c r="F239" s="1345"/>
      <c r="G239" s="1345"/>
      <c r="H239" s="1336"/>
      <c r="I239" s="1336"/>
    </row>
    <row r="240" spans="2:10" x14ac:dyDescent="0.15">
      <c r="D240" s="1336"/>
      <c r="E240" s="1336"/>
    </row>
    <row r="241" spans="2:27" x14ac:dyDescent="0.15">
      <c r="B241" s="1336"/>
      <c r="D241" s="1336"/>
      <c r="E241" s="1336"/>
      <c r="H241" s="1336"/>
      <c r="I241" s="1336"/>
      <c r="J241" s="1345"/>
    </row>
    <row r="242" spans="2:27" x14ac:dyDescent="0.15">
      <c r="J242" s="1345"/>
    </row>
    <row r="243" spans="2:27" x14ac:dyDescent="0.15">
      <c r="B243" s="1336"/>
      <c r="F243" s="1345"/>
      <c r="G243" s="1345"/>
      <c r="H243" s="1336"/>
      <c r="I243" s="1336"/>
      <c r="J243" s="1345"/>
    </row>
    <row r="244" spans="2:27" x14ac:dyDescent="0.15">
      <c r="H244" s="1336"/>
      <c r="I244" s="1336"/>
    </row>
    <row r="245" spans="2:27" x14ac:dyDescent="0.15">
      <c r="B245" s="1336"/>
    </row>
    <row r="246" spans="2:27" x14ac:dyDescent="0.15">
      <c r="Z246" s="1336"/>
      <c r="AA246" s="1336"/>
    </row>
    <row r="247" spans="2:27" x14ac:dyDescent="0.15">
      <c r="B247" s="1336"/>
    </row>
    <row r="249" spans="2:27" x14ac:dyDescent="0.15">
      <c r="D249" s="1345"/>
      <c r="E249" s="1336"/>
      <c r="F249" s="1336"/>
      <c r="G249" s="1336"/>
      <c r="H249" s="1336"/>
      <c r="I249" s="1345"/>
      <c r="Z249" s="1336"/>
      <c r="AA249" s="1336"/>
    </row>
    <row r="250" spans="2:27" x14ac:dyDescent="0.15">
      <c r="B250" s="1336"/>
      <c r="D250" s="1345"/>
      <c r="E250" s="1336"/>
      <c r="F250" s="1336"/>
      <c r="G250" s="1336"/>
      <c r="H250" s="1336"/>
      <c r="I250" s="1345"/>
    </row>
    <row r="251" spans="2:27" x14ac:dyDescent="0.15">
      <c r="B251" s="1336"/>
      <c r="D251" s="1345"/>
      <c r="E251" s="1345"/>
      <c r="F251" s="1345"/>
      <c r="G251" s="1345"/>
      <c r="H251" s="1345"/>
      <c r="I251" s="1345"/>
      <c r="V251" s="1345"/>
    </row>
    <row r="252" spans="2:27" x14ac:dyDescent="0.15">
      <c r="V252" s="1345"/>
    </row>
    <row r="253" spans="2:27" x14ac:dyDescent="0.15">
      <c r="B253" s="1336"/>
      <c r="V253" s="1345"/>
      <c r="W253" s="1345"/>
      <c r="X253" s="1345"/>
      <c r="Y253" s="1345"/>
      <c r="Z253" s="1345"/>
    </row>
    <row r="254" spans="2:27" x14ac:dyDescent="0.15">
      <c r="V254" s="1345"/>
    </row>
    <row r="255" spans="2:27" x14ac:dyDescent="0.15">
      <c r="B255" s="1336"/>
      <c r="E255" s="1336"/>
      <c r="F255" s="1336"/>
      <c r="G255" s="1336"/>
      <c r="H255" s="1336"/>
      <c r="R255" s="1346"/>
      <c r="V255" s="1345"/>
    </row>
    <row r="256" spans="2:27" x14ac:dyDescent="0.15">
      <c r="B256" s="1336"/>
      <c r="E256" s="1336"/>
      <c r="F256" s="1336"/>
      <c r="G256" s="1336"/>
      <c r="H256" s="1336"/>
      <c r="V256" s="1345"/>
      <c r="W256" s="1345"/>
      <c r="X256" s="1345"/>
      <c r="Y256" s="1345"/>
      <c r="Z256" s="1345"/>
    </row>
    <row r="257" spans="2:9" x14ac:dyDescent="0.15">
      <c r="E257" s="1336"/>
      <c r="F257" s="1336"/>
      <c r="G257" s="1336"/>
      <c r="H257" s="1336"/>
    </row>
    <row r="258" spans="2:9" x14ac:dyDescent="0.15">
      <c r="B258" s="1336"/>
      <c r="E258" s="1336"/>
      <c r="F258" s="1336"/>
      <c r="G258" s="1336"/>
      <c r="H258" s="1336"/>
    </row>
    <row r="259" spans="2:9" x14ac:dyDescent="0.15">
      <c r="B259" s="1336"/>
      <c r="E259" s="1336"/>
      <c r="F259" s="1336"/>
      <c r="G259" s="1336"/>
      <c r="H259" s="1336"/>
    </row>
    <row r="260" spans="2:9" x14ac:dyDescent="0.15">
      <c r="B260" s="1336"/>
    </row>
    <row r="262" spans="2:9" x14ac:dyDescent="0.15">
      <c r="B262" s="1336"/>
    </row>
    <row r="263" spans="2:9" x14ac:dyDescent="0.15">
      <c r="B263" s="1336"/>
    </row>
    <row r="266" spans="2:9" x14ac:dyDescent="0.15">
      <c r="D266" s="1336"/>
      <c r="F266" s="1336"/>
      <c r="G266" s="1336"/>
      <c r="H266" s="1336"/>
      <c r="I266" s="1336"/>
    </row>
    <row r="267" spans="2:9" x14ac:dyDescent="0.15">
      <c r="B267" s="1336"/>
      <c r="D267" s="1336"/>
      <c r="F267" s="1336"/>
      <c r="G267" s="1336"/>
      <c r="H267" s="1336"/>
      <c r="I267" s="1336"/>
    </row>
    <row r="268" spans="2:9" x14ac:dyDescent="0.15">
      <c r="B268" s="1336"/>
      <c r="D268" s="1336"/>
      <c r="F268" s="1336"/>
      <c r="G268" s="1336"/>
      <c r="H268" s="1336"/>
      <c r="I268" s="1336"/>
    </row>
    <row r="270" spans="2:9" x14ac:dyDescent="0.15">
      <c r="B270" s="1336"/>
    </row>
    <row r="271" spans="2:9" x14ac:dyDescent="0.15">
      <c r="B271" s="1336"/>
    </row>
    <row r="274" spans="2:8" x14ac:dyDescent="0.15">
      <c r="B274" s="1336"/>
    </row>
    <row r="275" spans="2:8" x14ac:dyDescent="0.15">
      <c r="D275" s="1336"/>
      <c r="E275" s="1336"/>
      <c r="F275" s="1336"/>
      <c r="G275" s="1336"/>
      <c r="H275" s="1336"/>
    </row>
    <row r="276" spans="2:8" x14ac:dyDescent="0.15">
      <c r="B276" s="1336"/>
      <c r="D276" s="1336"/>
      <c r="E276" s="1336"/>
      <c r="F276" s="1336"/>
      <c r="G276" s="1336"/>
      <c r="H276" s="1336"/>
    </row>
    <row r="277" spans="2:8" x14ac:dyDescent="0.15">
      <c r="B277" s="1336"/>
      <c r="D277" s="1336"/>
      <c r="E277" s="1336"/>
      <c r="F277" s="1336"/>
      <c r="G277" s="1336"/>
      <c r="H277" s="1336"/>
    </row>
    <row r="278" spans="2:8" x14ac:dyDescent="0.15">
      <c r="D278" s="1336"/>
      <c r="E278" s="1336"/>
      <c r="F278" s="1336"/>
      <c r="G278" s="1336"/>
      <c r="H278" s="1336"/>
    </row>
    <row r="279" spans="2:8" x14ac:dyDescent="0.15">
      <c r="D279" s="1336"/>
      <c r="E279" s="1336"/>
      <c r="F279" s="1336"/>
      <c r="G279" s="1336"/>
      <c r="H279" s="1336"/>
    </row>
    <row r="280" spans="2:8" x14ac:dyDescent="0.15">
      <c r="D280" s="1336"/>
      <c r="E280" s="1336"/>
      <c r="F280" s="1336"/>
      <c r="G280" s="1336"/>
      <c r="H280" s="1336"/>
    </row>
    <row r="284" spans="2:8" x14ac:dyDescent="0.15">
      <c r="D284" s="1336"/>
      <c r="E284" s="1336"/>
      <c r="F284" s="1336"/>
    </row>
    <row r="285" spans="2:8" x14ac:dyDescent="0.15">
      <c r="D285" s="1336"/>
      <c r="E285" s="1336"/>
      <c r="F285" s="1336"/>
    </row>
    <row r="286" spans="2:8" x14ac:dyDescent="0.15">
      <c r="D286" s="1336"/>
      <c r="E286" s="1336"/>
      <c r="F286" s="1336"/>
    </row>
    <row r="288" spans="2:8" x14ac:dyDescent="0.15">
      <c r="D288" s="1336"/>
      <c r="E288" s="1336"/>
      <c r="F288" s="1336"/>
    </row>
    <row r="290" spans="4:22" x14ac:dyDescent="0.15">
      <c r="D290" s="1336"/>
      <c r="E290" s="1336"/>
      <c r="F290" s="1336"/>
    </row>
    <row r="291" spans="4:22" x14ac:dyDescent="0.15">
      <c r="D291" s="1336"/>
      <c r="E291" s="1336"/>
      <c r="F291" s="1336"/>
    </row>
    <row r="292" spans="4:22" x14ac:dyDescent="0.15">
      <c r="D292" s="1336"/>
      <c r="E292" s="1336"/>
      <c r="F292" s="1336"/>
    </row>
    <row r="294" spans="4:22" x14ac:dyDescent="0.15">
      <c r="D294" s="1336"/>
      <c r="E294" s="1336"/>
      <c r="F294" s="1336"/>
    </row>
    <row r="302" spans="4:22" x14ac:dyDescent="0.15">
      <c r="D302" s="1345"/>
      <c r="E302" s="1336"/>
    </row>
    <row r="303" spans="4:22" x14ac:dyDescent="0.15">
      <c r="D303" s="1345"/>
      <c r="E303" s="1336"/>
    </row>
    <row r="304" spans="4:22" x14ac:dyDescent="0.15">
      <c r="D304" s="1345"/>
      <c r="E304" s="1345"/>
      <c r="F304" s="1345"/>
      <c r="G304" s="1345"/>
      <c r="H304" s="1345"/>
      <c r="V304" s="1345"/>
    </row>
    <row r="305" spans="4:26" x14ac:dyDescent="0.15">
      <c r="V305" s="1345"/>
    </row>
    <row r="306" spans="4:26" x14ac:dyDescent="0.15">
      <c r="V306" s="1345"/>
      <c r="W306" s="1345"/>
      <c r="X306" s="1345"/>
      <c r="Y306" s="1345"/>
      <c r="Z306" s="1345"/>
    </row>
    <row r="307" spans="4:26" x14ac:dyDescent="0.15">
      <c r="V307" s="1345"/>
    </row>
    <row r="308" spans="4:26" x14ac:dyDescent="0.15">
      <c r="E308" s="1336"/>
      <c r="V308" s="1345"/>
    </row>
    <row r="309" spans="4:26" x14ac:dyDescent="0.15">
      <c r="E309" s="1336"/>
      <c r="V309" s="1345"/>
      <c r="W309" s="1345"/>
      <c r="X309" s="1345"/>
      <c r="Y309" s="1345"/>
      <c r="Z309" s="1345"/>
    </row>
    <row r="317" spans="4:26" x14ac:dyDescent="0.15">
      <c r="D317" s="1336"/>
      <c r="F317" s="1336"/>
      <c r="G317" s="1336"/>
    </row>
    <row r="318" spans="4:26" x14ac:dyDescent="0.15">
      <c r="D318" s="1336"/>
      <c r="F318" s="1336"/>
      <c r="G318" s="1336"/>
    </row>
    <row r="324" spans="4:6" x14ac:dyDescent="0.15">
      <c r="D324" s="1336"/>
      <c r="E324" s="1336"/>
      <c r="F324" s="1336"/>
    </row>
    <row r="325" spans="4:6" x14ac:dyDescent="0.15">
      <c r="D325" s="1336"/>
      <c r="E325" s="1336"/>
      <c r="F325" s="1336"/>
    </row>
    <row r="326" spans="4:6" x14ac:dyDescent="0.15">
      <c r="D326" s="1336"/>
      <c r="E326" s="1336"/>
      <c r="F326" s="1336"/>
    </row>
    <row r="328" spans="4:6" x14ac:dyDescent="0.15">
      <c r="D328" s="1336"/>
      <c r="E328" s="1336"/>
      <c r="F328" s="1336"/>
    </row>
  </sheetData>
  <mergeCells count="10">
    <mergeCell ref="E56:I56"/>
    <mergeCell ref="N3:O3"/>
    <mergeCell ref="A43:B43"/>
    <mergeCell ref="A50:B50"/>
    <mergeCell ref="I3:J3"/>
    <mergeCell ref="A51:B51"/>
    <mergeCell ref="A3:B5"/>
    <mergeCell ref="E3:H3"/>
    <mergeCell ref="C3:D3"/>
    <mergeCell ref="K3:L3"/>
  </mergeCells>
  <phoneticPr fontId="0"/>
  <printOptions verticalCentered="1" gridLinesSet="0"/>
  <pageMargins left="0.82677165354330717" right="0.27559055118110237" top="0.55118110236220474" bottom="0.59055118110236227" header="0.31496062992125984" footer="0.19685039370078741"/>
  <pageSetup paperSize="9" scale="90" orientation="landscape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1</vt:i4>
      </vt:variant>
      <vt:variant>
        <vt:lpstr>名前付き一覧</vt:lpstr>
      </vt:variant>
      <vt:variant>
        <vt:i4>17</vt:i4>
      </vt:variant>
    </vt:vector>
  </HeadingPairs>
  <TitlesOfParts>
    <vt:vector size="28" baseType="lpstr">
      <vt:lpstr>第6－１～６－３表 （市町村・組合）</vt:lpstr>
      <vt:lpstr>第6－４～６－５表（県）</vt:lpstr>
      <vt:lpstr>第7－１表</vt:lpstr>
      <vt:lpstr>第７－２・７－３表</vt:lpstr>
      <vt:lpstr>第8表</vt:lpstr>
      <vt:lpstr>第9-1表（医療）</vt:lpstr>
      <vt:lpstr>第9-2表（後期）</vt:lpstr>
      <vt:lpstr>第9-3表（介護）</vt:lpstr>
      <vt:lpstr>第10表</vt:lpstr>
      <vt:lpstr>第11表</vt:lpstr>
      <vt:lpstr>第12表</vt:lpstr>
      <vt:lpstr>\a</vt:lpstr>
      <vt:lpstr>第10表!Print_Area</vt:lpstr>
      <vt:lpstr>第11表!Print_Area</vt:lpstr>
      <vt:lpstr>第12表!Print_Area</vt:lpstr>
      <vt:lpstr>'第6－１～６－３表 （市町村・組合）'!Print_Area</vt:lpstr>
      <vt:lpstr>'第6－４～６－５表（県）'!Print_Area</vt:lpstr>
      <vt:lpstr>'第7－１表'!Print_Area</vt:lpstr>
      <vt:lpstr>'第７－２・７－３表'!Print_Area</vt:lpstr>
      <vt:lpstr>第8表!Print_Area</vt:lpstr>
      <vt:lpstr>'第9-1表（医療）'!Print_Area</vt:lpstr>
      <vt:lpstr>'第9-2表（後期）'!Print_Area</vt:lpstr>
      <vt:lpstr>'第9-3表（介護）'!Print_Area</vt:lpstr>
      <vt:lpstr>第10表!Print_Area_MI</vt:lpstr>
      <vt:lpstr>第12表!Print_Area_MI</vt:lpstr>
      <vt:lpstr>'第9-1表（医療）'!Print_Area_MI</vt:lpstr>
      <vt:lpstr>'第9-3表（介護）'!Print_Area_MI</vt:lpstr>
      <vt:lpstr>第10表!Print_Titles_MI</vt:lpstr>
    </vt:vector>
  </TitlesOfParts>
  <Company>神奈川県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加藤康介</dc:creator>
  <cp:lastModifiedBy>user</cp:lastModifiedBy>
  <cp:lastPrinted>2022-06-29T00:26:20Z</cp:lastPrinted>
  <dcterms:created xsi:type="dcterms:W3CDTF">1998-02-18T05:19:24Z</dcterms:created>
  <dcterms:modified xsi:type="dcterms:W3CDTF">2022-07-25T08:50:10Z</dcterms:modified>
</cp:coreProperties>
</file>